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A:\04_たばこ対策G\03_厚生統計\11_統計資料\02_福祉統計\07_HP\"/>
    </mc:Choice>
  </mc:AlternateContent>
  <bookViews>
    <workbookView xWindow="0" yWindow="0" windowWidth="23040" windowHeight="9168"/>
  </bookViews>
  <sheets>
    <sheet name="5-19"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s>
  <definedNames>
    <definedName name="_8">#REF!</definedName>
    <definedName name="_A">'[17]2-(1)-1'!#REF!</definedName>
    <definedName name="_C">'[17]2-(1)-1'!#REF!</definedName>
    <definedName name="_E">'[17]2-(1)-1'!#REF!</definedName>
    <definedName name="_Fill" hidden="1">'[18]重心自閉(H11)'!#REF!</definedName>
    <definedName name="_Key1" hidden="1">#REF!</definedName>
    <definedName name="_M">'[17]2-(1)-1'!#REF!</definedName>
    <definedName name="_N">'[17]2-(1)-1'!#REF!</definedName>
    <definedName name="_o">#REF!</definedName>
    <definedName name="_Order1" hidden="1">255</definedName>
    <definedName name="_P">'[17]2-(1)-1'!#REF!</definedName>
    <definedName name="_Q">'[17]2-(1)-1'!#REF!</definedName>
    <definedName name="_R">'[17]2-(1)-1'!#REF!</definedName>
    <definedName name="_Sort" hidden="1">'[18]重心自閉(H11)'!#REF!</definedName>
    <definedName name="_T" localSheetId="0">'5-19'!#REF!</definedName>
    <definedName name="_T">#REF!</definedName>
    <definedName name="_U">'[17]2-(1)-1'!#REF!</definedName>
    <definedName name="_X">'[17]2-(1)-1'!#REF!</definedName>
    <definedName name="\a">#REF!</definedName>
    <definedName name="\i">#REF!</definedName>
    <definedName name="\s">#REF!</definedName>
    <definedName name="A">#N/A</definedName>
    <definedName name="_xlnm.Print_Area">#REF!</definedName>
    <definedName name="Print_Area_MI">#REF!</definedName>
    <definedName name="table1">'[19]13表'!$E$13:$J$18</definedName>
    <definedName name="test1">'[19]13表'!$E$13:$H$17</definedName>
    <definedName name="Z_C27FC36F_7DA4_4822_860B_0B3D8B2EC982_.wvu.PrintArea" localSheetId="0" hidden="1">'5-19'!$A$1:$BG$69</definedName>
    <definedName name="あ">#REF!</definedName>
    <definedName name="し" localSheetId="0">'5-19'!$IC$6893</definedName>
    <definedName name="し">#REF!</definedName>
    <definedName name="たかし">'[19]13表'!$E$13:$H$17</definedName>
    <definedName name="第_6_精神手帳交付">#REF!</definedName>
    <definedName name="第33_環境衛生.食品">#REF!</definedName>
    <definedName name="第34_医療監視">#REF!</definedName>
    <definedName name="第35_医療法人">#REF!</definedName>
    <definedName name="第46_薬局">#REF!</definedName>
    <definedName name="第47_薬事監視">#REF!</definedName>
    <definedName name="第48_毒劇物監視">#REF!</definedName>
    <definedName name="不明" localSheetId="0">'5-19'!#REF!</definedName>
    <definedName name="不明">#REF!</definedName>
    <definedName name="有名">#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68" i="1" l="1"/>
  <c r="B67" i="1"/>
  <c r="B66" i="1"/>
  <c r="B65" i="1"/>
  <c r="B64" i="1"/>
  <c r="B63" i="1"/>
  <c r="B62" i="1"/>
  <c r="B61" i="1"/>
  <c r="B60" i="1"/>
  <c r="B59" i="1"/>
  <c r="B58" i="1"/>
  <c r="B57" i="1"/>
  <c r="B56" i="1"/>
  <c r="B55" i="1"/>
  <c r="B54" i="1"/>
  <c r="B53" i="1"/>
  <c r="B52" i="1"/>
  <c r="B51" i="1"/>
  <c r="B50" i="1"/>
  <c r="B49" i="1"/>
  <c r="B48" i="1"/>
  <c r="B47" i="1"/>
  <c r="B46" i="1"/>
  <c r="B45" i="1"/>
  <c r="B44" i="1"/>
  <c r="B43" i="1"/>
  <c r="B42" i="1"/>
  <c r="B41" i="1"/>
  <c r="BH40" i="1"/>
  <c r="BG40" i="1"/>
  <c r="BF40" i="1"/>
  <c r="BE40" i="1"/>
  <c r="BD40" i="1"/>
  <c r="BC40" i="1"/>
  <c r="BB40" i="1"/>
  <c r="BA40" i="1"/>
  <c r="AZ40" i="1"/>
  <c r="AY40" i="1"/>
  <c r="AX40" i="1"/>
  <c r="AW40" i="1"/>
  <c r="AV40" i="1"/>
  <c r="AU40" i="1"/>
  <c r="AT40" i="1"/>
  <c r="AS40" i="1"/>
  <c r="AR40" i="1"/>
  <c r="AP40" i="1"/>
  <c r="AO40" i="1"/>
  <c r="AN40" i="1"/>
  <c r="AM40" i="1"/>
  <c r="AL40" i="1"/>
  <c r="AK40" i="1"/>
  <c r="AJ40" i="1"/>
  <c r="AI40" i="1"/>
  <c r="AH40" i="1"/>
  <c r="AG40" i="1"/>
  <c r="AF40" i="1"/>
  <c r="AE40" i="1"/>
  <c r="AD40" i="1"/>
  <c r="AC40" i="1"/>
  <c r="AB40" i="1"/>
  <c r="AA40" i="1"/>
  <c r="Z40" i="1"/>
  <c r="Y40" i="1"/>
  <c r="X40" i="1"/>
  <c r="W40" i="1"/>
  <c r="V40" i="1"/>
  <c r="U40" i="1"/>
  <c r="T40" i="1"/>
  <c r="R40" i="1"/>
  <c r="Q40" i="1"/>
  <c r="P40" i="1"/>
  <c r="O40" i="1"/>
  <c r="N40" i="1"/>
  <c r="M40" i="1"/>
  <c r="L40" i="1"/>
  <c r="K40" i="1"/>
  <c r="J40" i="1"/>
  <c r="I40" i="1"/>
  <c r="H40" i="1"/>
  <c r="G40" i="1"/>
  <c r="F40" i="1"/>
  <c r="E40" i="1"/>
  <c r="D40" i="1"/>
  <c r="C40" i="1"/>
  <c r="B40" i="1" s="1"/>
  <c r="BH39" i="1"/>
  <c r="BG39" i="1"/>
  <c r="BF39" i="1"/>
  <c r="BE39" i="1"/>
  <c r="BD39" i="1"/>
  <c r="BC39" i="1"/>
  <c r="BB39" i="1"/>
  <c r="BA39" i="1"/>
  <c r="AZ39" i="1"/>
  <c r="AY39" i="1"/>
  <c r="AX39" i="1"/>
  <c r="AW39" i="1"/>
  <c r="AV39" i="1"/>
  <c r="AU39" i="1"/>
  <c r="AT39" i="1"/>
  <c r="AS39" i="1"/>
  <c r="AR39" i="1"/>
  <c r="AP39" i="1"/>
  <c r="AO39" i="1"/>
  <c r="AN39" i="1"/>
  <c r="AM39" i="1"/>
  <c r="AL39" i="1"/>
  <c r="AK39" i="1"/>
  <c r="AJ39" i="1"/>
  <c r="AI39" i="1"/>
  <c r="AH39" i="1"/>
  <c r="AG39" i="1"/>
  <c r="AF39" i="1"/>
  <c r="AE39" i="1"/>
  <c r="AD39" i="1"/>
  <c r="AC39" i="1"/>
  <c r="AB39" i="1"/>
  <c r="AA39" i="1"/>
  <c r="Z39" i="1"/>
  <c r="Y39" i="1"/>
  <c r="X39" i="1"/>
  <c r="W39" i="1"/>
  <c r="V39" i="1"/>
  <c r="U39" i="1"/>
  <c r="T39" i="1"/>
  <c r="R39" i="1"/>
  <c r="Q39" i="1"/>
  <c r="P39" i="1"/>
  <c r="O39" i="1"/>
  <c r="N39" i="1"/>
  <c r="M39" i="1"/>
  <c r="L39" i="1"/>
  <c r="K39" i="1"/>
  <c r="J39" i="1"/>
  <c r="I39" i="1"/>
  <c r="H39" i="1"/>
  <c r="G39" i="1"/>
  <c r="F39" i="1"/>
  <c r="E39" i="1"/>
  <c r="D39" i="1"/>
  <c r="C39" i="1"/>
  <c r="B39" i="1" s="1"/>
  <c r="B38" i="1"/>
  <c r="B37" i="1"/>
  <c r="B36" i="1"/>
  <c r="B35" i="1"/>
  <c r="B34" i="1"/>
  <c r="B33" i="1"/>
  <c r="B32" i="1"/>
  <c r="B31" i="1"/>
  <c r="B30" i="1"/>
  <c r="B29" i="1"/>
  <c r="B28" i="1"/>
  <c r="B27" i="1"/>
  <c r="B26" i="1"/>
  <c r="B25" i="1"/>
  <c r="B24" i="1"/>
  <c r="B23" i="1"/>
  <c r="B22" i="1"/>
  <c r="B21" i="1"/>
  <c r="B20" i="1"/>
  <c r="B19" i="1"/>
  <c r="B18" i="1"/>
  <c r="B17" i="1"/>
  <c r="B16" i="1"/>
  <c r="B15" i="1"/>
  <c r="B14" i="1"/>
  <c r="B13" i="1"/>
  <c r="B12" i="1"/>
  <c r="B11" i="1"/>
  <c r="B10" i="1"/>
  <c r="B9" i="1"/>
  <c r="BH8" i="1"/>
  <c r="BG8" i="1"/>
  <c r="BF8" i="1"/>
  <c r="BF6" i="1" s="1"/>
  <c r="BE8" i="1"/>
  <c r="BE6" i="1" s="1"/>
  <c r="BD8" i="1"/>
  <c r="BC8" i="1"/>
  <c r="BB8" i="1"/>
  <c r="BA8" i="1"/>
  <c r="AZ8" i="1"/>
  <c r="AY8" i="1"/>
  <c r="AX8" i="1"/>
  <c r="AX6" i="1" s="1"/>
  <c r="AW8" i="1"/>
  <c r="AW6" i="1" s="1"/>
  <c r="AV8" i="1"/>
  <c r="AU8" i="1"/>
  <c r="AT8" i="1"/>
  <c r="AS8" i="1"/>
  <c r="AR8" i="1"/>
  <c r="AP8" i="1"/>
  <c r="AO8" i="1"/>
  <c r="AO6" i="1" s="1"/>
  <c r="AN8" i="1"/>
  <c r="AN6" i="1" s="1"/>
  <c r="AM8" i="1"/>
  <c r="AL8" i="1"/>
  <c r="AK8" i="1"/>
  <c r="AJ8" i="1"/>
  <c r="AI8" i="1"/>
  <c r="AH8" i="1"/>
  <c r="AG8" i="1"/>
  <c r="AG6" i="1" s="1"/>
  <c r="AF8" i="1"/>
  <c r="AF6" i="1" s="1"/>
  <c r="AE8" i="1"/>
  <c r="AD8" i="1"/>
  <c r="AC8" i="1"/>
  <c r="AB8" i="1"/>
  <c r="AA8" i="1"/>
  <c r="Z8" i="1"/>
  <c r="Y8" i="1"/>
  <c r="Y6" i="1" s="1"/>
  <c r="X8" i="1"/>
  <c r="X6" i="1" s="1"/>
  <c r="W8" i="1"/>
  <c r="V8" i="1"/>
  <c r="U8" i="1"/>
  <c r="T8" i="1"/>
  <c r="R8" i="1"/>
  <c r="Q8" i="1"/>
  <c r="P8" i="1"/>
  <c r="P6" i="1" s="1"/>
  <c r="O8" i="1"/>
  <c r="O6" i="1" s="1"/>
  <c r="N8" i="1"/>
  <c r="M8" i="1"/>
  <c r="L8" i="1"/>
  <c r="K8" i="1"/>
  <c r="J8" i="1"/>
  <c r="I8" i="1"/>
  <c r="H8" i="1"/>
  <c r="H6" i="1" s="1"/>
  <c r="G8" i="1"/>
  <c r="G6" i="1" s="1"/>
  <c r="B6" i="1" s="1"/>
  <c r="F8" i="1"/>
  <c r="E8" i="1"/>
  <c r="D8" i="1"/>
  <c r="C8" i="1"/>
  <c r="BH7" i="1"/>
  <c r="BG7" i="1"/>
  <c r="BG5" i="1" s="1"/>
  <c r="BF7" i="1"/>
  <c r="BF5" i="1" s="1"/>
  <c r="BE7" i="1"/>
  <c r="BD7" i="1"/>
  <c r="BC7" i="1"/>
  <c r="BB7" i="1"/>
  <c r="BA7" i="1"/>
  <c r="AZ7" i="1"/>
  <c r="AY7" i="1"/>
  <c r="AY5" i="1" s="1"/>
  <c r="AX7" i="1"/>
  <c r="AX5" i="1" s="1"/>
  <c r="AW7" i="1"/>
  <c r="AV7" i="1"/>
  <c r="AU7" i="1"/>
  <c r="AT7" i="1"/>
  <c r="AS7" i="1"/>
  <c r="AR7" i="1"/>
  <c r="AP7" i="1"/>
  <c r="AP5" i="1" s="1"/>
  <c r="AO7" i="1"/>
  <c r="AO5" i="1" s="1"/>
  <c r="AN7" i="1"/>
  <c r="AM7" i="1"/>
  <c r="AL7" i="1"/>
  <c r="AK7" i="1"/>
  <c r="AJ7" i="1"/>
  <c r="AI7" i="1"/>
  <c r="AH7" i="1"/>
  <c r="AH5" i="1" s="1"/>
  <c r="AG7" i="1"/>
  <c r="AG5" i="1" s="1"/>
  <c r="AF7" i="1"/>
  <c r="AE7" i="1"/>
  <c r="AD7" i="1"/>
  <c r="AC7" i="1"/>
  <c r="AB7" i="1"/>
  <c r="AA7" i="1"/>
  <c r="Z7" i="1"/>
  <c r="Z5" i="1" s="1"/>
  <c r="Y7" i="1"/>
  <c r="Y5" i="1" s="1"/>
  <c r="X7" i="1"/>
  <c r="W7" i="1"/>
  <c r="V7" i="1"/>
  <c r="U7" i="1"/>
  <c r="T7" i="1"/>
  <c r="R7" i="1"/>
  <c r="Q7" i="1"/>
  <c r="Q5" i="1" s="1"/>
  <c r="P7" i="1"/>
  <c r="P5" i="1" s="1"/>
  <c r="O7" i="1"/>
  <c r="N7" i="1"/>
  <c r="M7" i="1"/>
  <c r="L7" i="1"/>
  <c r="K7" i="1"/>
  <c r="J7" i="1"/>
  <c r="I7" i="1"/>
  <c r="I5" i="1" s="1"/>
  <c r="H7" i="1"/>
  <c r="B7" i="1" s="1"/>
  <c r="G7" i="1"/>
  <c r="F7" i="1"/>
  <c r="E7" i="1"/>
  <c r="D7" i="1"/>
  <c r="C7" i="1"/>
  <c r="BH6" i="1"/>
  <c r="BG6" i="1"/>
  <c r="BD6" i="1"/>
  <c r="BC6" i="1"/>
  <c r="BB6" i="1"/>
  <c r="BA6" i="1"/>
  <c r="AZ6" i="1"/>
  <c r="AY6" i="1"/>
  <c r="AV6" i="1"/>
  <c r="AU6" i="1"/>
  <c r="AT6" i="1"/>
  <c r="AS6" i="1"/>
  <c r="AR6" i="1"/>
  <c r="AP6" i="1"/>
  <c r="AM6" i="1"/>
  <c r="AL6" i="1"/>
  <c r="AK6" i="1"/>
  <c r="AJ6" i="1"/>
  <c r="AI6" i="1"/>
  <c r="AH6" i="1"/>
  <c r="AE6" i="1"/>
  <c r="AD6" i="1"/>
  <c r="AC6" i="1"/>
  <c r="AB6" i="1"/>
  <c r="AA6" i="1"/>
  <c r="Z6" i="1"/>
  <c r="W6" i="1"/>
  <c r="V6" i="1"/>
  <c r="U6" i="1"/>
  <c r="T6" i="1"/>
  <c r="R6" i="1"/>
  <c r="Q6" i="1"/>
  <c r="N6" i="1"/>
  <c r="M6" i="1"/>
  <c r="L6" i="1"/>
  <c r="K6" i="1"/>
  <c r="J6" i="1"/>
  <c r="I6" i="1"/>
  <c r="F6" i="1"/>
  <c r="E6" i="1"/>
  <c r="D6" i="1"/>
  <c r="C6" i="1"/>
  <c r="BH5" i="1"/>
  <c r="BE5" i="1"/>
  <c r="BD5" i="1"/>
  <c r="BC5" i="1"/>
  <c r="BB5" i="1"/>
  <c r="BA5" i="1"/>
  <c r="AZ5" i="1"/>
  <c r="AW5" i="1"/>
  <c r="AV5" i="1"/>
  <c r="AU5" i="1"/>
  <c r="AT5" i="1"/>
  <c r="AS5" i="1"/>
  <c r="AR5" i="1"/>
  <c r="AN5" i="1"/>
  <c r="AM5" i="1"/>
  <c r="AL5" i="1"/>
  <c r="AK5" i="1"/>
  <c r="AJ5" i="1"/>
  <c r="AI5" i="1"/>
  <c r="AF5" i="1"/>
  <c r="AE5" i="1"/>
  <c r="AD5" i="1"/>
  <c r="AC5" i="1"/>
  <c r="AB5" i="1"/>
  <c r="AA5" i="1"/>
  <c r="X5" i="1"/>
  <c r="W5" i="1"/>
  <c r="V5" i="1"/>
  <c r="U5" i="1"/>
  <c r="T5" i="1"/>
  <c r="R5" i="1"/>
  <c r="O5" i="1"/>
  <c r="N5" i="1"/>
  <c r="M5" i="1"/>
  <c r="L5" i="1"/>
  <c r="K5" i="1"/>
  <c r="J5" i="1"/>
  <c r="G5" i="1"/>
  <c r="F5" i="1"/>
  <c r="E5" i="1"/>
  <c r="D5" i="1"/>
  <c r="C5" i="1"/>
  <c r="B8" i="1" l="1"/>
  <c r="H5" i="1"/>
  <c r="B5" i="1" s="1"/>
</calcChain>
</file>

<file path=xl/sharedStrings.xml><?xml version="1.0" encoding="utf-8"?>
<sst xmlns="http://schemas.openxmlformats.org/spreadsheetml/2006/main" count="185" uniqueCount="108">
  <si>
    <t>5-19表　身体障害者・児の補装具交付及び修理実績状況（障害者総合支援法）</t>
    <phoneticPr fontId="4"/>
  </si>
  <si>
    <t>令和３年度実績（単位：件）</t>
    <rPh sb="0" eb="2">
      <t>レイワ</t>
    </rPh>
    <rPh sb="3" eb="5">
      <t>ネンド</t>
    </rPh>
    <rPh sb="5" eb="7">
      <t>ジッセキ</t>
    </rPh>
    <phoneticPr fontId="4"/>
  </si>
  <si>
    <t>令和３年度実績（単位：件）</t>
    <rPh sb="0" eb="2">
      <t>レイワ</t>
    </rPh>
    <rPh sb="3" eb="4">
      <t>ネン</t>
    </rPh>
    <rPh sb="4" eb="5">
      <t>ド</t>
    </rPh>
    <rPh sb="5" eb="7">
      <t>ジッセキ</t>
    </rPh>
    <phoneticPr fontId="4"/>
  </si>
  <si>
    <t>金額（単位：円）</t>
    <phoneticPr fontId="4"/>
  </si>
  <si>
    <t>市町村名</t>
  </si>
  <si>
    <t>計</t>
  </si>
  <si>
    <t>義肢</t>
  </si>
  <si>
    <t>装具</t>
  </si>
  <si>
    <t>座位保持装置</t>
  </si>
  <si>
    <t>盲人安全つえ</t>
  </si>
  <si>
    <t>義目</t>
    <rPh sb="1" eb="2">
      <t>メ</t>
    </rPh>
    <phoneticPr fontId="4"/>
  </si>
  <si>
    <t>眼鏡</t>
    <phoneticPr fontId="4"/>
  </si>
  <si>
    <t>補聴器</t>
  </si>
  <si>
    <t>人工内耳</t>
    <phoneticPr fontId="4"/>
  </si>
  <si>
    <t>車いす</t>
  </si>
  <si>
    <t>電動車いす</t>
  </si>
  <si>
    <t>座位保持いす</t>
  </si>
  <si>
    <t>起立保持具</t>
  </si>
  <si>
    <t>歩行器</t>
  </si>
  <si>
    <t>頭部保持具</t>
  </si>
  <si>
    <t>排便補助具</t>
  </si>
  <si>
    <t>歩行補助つえ</t>
  </si>
  <si>
    <t>重度障害者用意思伝達装置</t>
    <phoneticPr fontId="4"/>
  </si>
  <si>
    <t>公費負担額</t>
    <rPh sb="4" eb="5">
      <t>ガク</t>
    </rPh>
    <phoneticPr fontId="4"/>
  </si>
  <si>
    <t>自己負担額</t>
    <rPh sb="4" eb="5">
      <t>ガク</t>
    </rPh>
    <phoneticPr fontId="4"/>
  </si>
  <si>
    <t>義手</t>
  </si>
  <si>
    <t>義足</t>
  </si>
  <si>
    <t>下肢</t>
  </si>
  <si>
    <t>靴型</t>
  </si>
  <si>
    <t>体幹</t>
  </si>
  <si>
    <t>上肢</t>
  </si>
  <si>
    <t>姿勢保持機能付車いす</t>
  </si>
  <si>
    <t>姿勢保持機能付電動車いす</t>
  </si>
  <si>
    <t>車椅子又は電動車椅子機能をもたないもの</t>
    <rPh sb="0" eb="3">
      <t>クルマイス</t>
    </rPh>
    <rPh sb="3" eb="4">
      <t>マタ</t>
    </rPh>
    <rPh sb="5" eb="7">
      <t>デンドウ</t>
    </rPh>
    <rPh sb="7" eb="10">
      <t>クルマイス</t>
    </rPh>
    <rPh sb="10" eb="12">
      <t>キノウ</t>
    </rPh>
    <phoneticPr fontId="4"/>
  </si>
  <si>
    <t>レディメイド※１</t>
    <phoneticPr fontId="4"/>
  </si>
  <si>
    <t>オーダーメイド※１</t>
    <phoneticPr fontId="4"/>
  </si>
  <si>
    <t>矯正眼鏡</t>
    <phoneticPr fontId="4"/>
  </si>
  <si>
    <t>遮光眼鏡</t>
  </si>
  <si>
    <t>コンタクトレンズ</t>
    <phoneticPr fontId="4"/>
  </si>
  <si>
    <t>弱視眼鏡</t>
  </si>
  <si>
    <t>高度難聴用</t>
  </si>
  <si>
    <t>重度難聴用</t>
  </si>
  <si>
    <t>耳あな型</t>
  </si>
  <si>
    <t>骨導式</t>
    <rPh sb="0" eb="2">
      <t>コツドウ</t>
    </rPh>
    <rPh sb="2" eb="3">
      <t>シキ</t>
    </rPh>
    <phoneticPr fontId="4"/>
  </si>
  <si>
    <t>人工内耳用音声信号処理装置※２</t>
    <phoneticPr fontId="4"/>
  </si>
  <si>
    <t>普通型</t>
  </si>
  <si>
    <t>リクライニング式普通型</t>
  </si>
  <si>
    <t>ティルト式普通型※１</t>
    <rPh sb="4" eb="5">
      <t>シキ</t>
    </rPh>
    <rPh sb="5" eb="8">
      <t>フツウガタ</t>
    </rPh>
    <phoneticPr fontId="4"/>
  </si>
  <si>
    <t>リクライニング・ティルト式普通型※１</t>
    <rPh sb="12" eb="13">
      <t>シキ</t>
    </rPh>
    <rPh sb="13" eb="15">
      <t>フツウ</t>
    </rPh>
    <rPh sb="15" eb="16">
      <t>ガタ</t>
    </rPh>
    <phoneticPr fontId="4"/>
  </si>
  <si>
    <t>手動リフト式普通型</t>
    <rPh sb="5" eb="6">
      <t>シキ</t>
    </rPh>
    <rPh sb="6" eb="8">
      <t>フツウ</t>
    </rPh>
    <phoneticPr fontId="4"/>
  </si>
  <si>
    <t>前方大車輪型</t>
  </si>
  <si>
    <t>リクライニング式前方大車輪型</t>
  </si>
  <si>
    <t>片手駆動型</t>
  </si>
  <si>
    <t>リクライニング式片手駆動型</t>
  </si>
  <si>
    <t>レバー駆動型※１</t>
    <rPh sb="3" eb="5">
      <t>クドウ</t>
    </rPh>
    <rPh sb="5" eb="6">
      <t>ガタ</t>
    </rPh>
    <phoneticPr fontId="4"/>
  </si>
  <si>
    <t>手押し型</t>
  </si>
  <si>
    <t>リクライニング式手押し型</t>
  </si>
  <si>
    <t>ティルト式手押し型※１</t>
    <rPh sb="4" eb="5">
      <t>シキ</t>
    </rPh>
    <rPh sb="5" eb="7">
      <t>テオ</t>
    </rPh>
    <rPh sb="8" eb="9">
      <t>ガタ</t>
    </rPh>
    <phoneticPr fontId="4"/>
  </si>
  <si>
    <t>リクライニング・ティルト式手押し型※１</t>
    <rPh sb="12" eb="15">
      <t>シキテオ</t>
    </rPh>
    <rPh sb="16" eb="17">
      <t>ガタ</t>
    </rPh>
    <phoneticPr fontId="4"/>
  </si>
  <si>
    <r>
      <t>普通型
(</t>
    </r>
    <r>
      <rPr>
        <sz val="9"/>
        <rFont val="Meiryo UI"/>
        <family val="3"/>
        <charset val="128"/>
      </rPr>
      <t>4.5㎞/h)</t>
    </r>
    <phoneticPr fontId="4"/>
  </si>
  <si>
    <t>普通型（6㎞/h）</t>
    <phoneticPr fontId="4"/>
  </si>
  <si>
    <t>手動兼用型</t>
  </si>
  <si>
    <t>電動リクライニング式普通型</t>
  </si>
  <si>
    <t>電動リフト式普通型</t>
    <phoneticPr fontId="4"/>
  </si>
  <si>
    <t>電動ティルト式普通型※１</t>
    <rPh sb="0" eb="2">
      <t>デンドウ</t>
    </rPh>
    <rPh sb="6" eb="7">
      <t>シキ</t>
    </rPh>
    <rPh sb="7" eb="10">
      <t>フツウガタ</t>
    </rPh>
    <phoneticPr fontId="4"/>
  </si>
  <si>
    <t>電動リクライニング・ティルト式普通型※</t>
    <rPh sb="0" eb="2">
      <t>デンドウ</t>
    </rPh>
    <rPh sb="14" eb="15">
      <t>シキ</t>
    </rPh>
    <rPh sb="15" eb="17">
      <t>フツウ</t>
    </rPh>
    <rPh sb="17" eb="18">
      <t>ガタ</t>
    </rPh>
    <phoneticPr fontId="4"/>
  </si>
  <si>
    <t>ポケット型</t>
  </si>
  <si>
    <t>耳掛け型</t>
  </si>
  <si>
    <t>レディメイド</t>
    <phoneticPr fontId="4"/>
  </si>
  <si>
    <t>オーダーメイド</t>
    <phoneticPr fontId="4"/>
  </si>
  <si>
    <t>ポケット型※１</t>
    <rPh sb="4" eb="5">
      <t>ガタ</t>
    </rPh>
    <phoneticPr fontId="4"/>
  </si>
  <si>
    <t>眼鏡型</t>
    <rPh sb="0" eb="3">
      <t>メガネガタ</t>
    </rPh>
    <phoneticPr fontId="4"/>
  </si>
  <si>
    <t>合計</t>
  </si>
  <si>
    <t>市計</t>
  </si>
  <si>
    <t>平塚市</t>
  </si>
  <si>
    <t>鎌倉市</t>
  </si>
  <si>
    <t>藤沢市</t>
    <phoneticPr fontId="4"/>
  </si>
  <si>
    <t>小田原市</t>
  </si>
  <si>
    <t>茅ヶ崎市</t>
  </si>
  <si>
    <t>逗子市</t>
  </si>
  <si>
    <t>三浦市</t>
  </si>
  <si>
    <t>秦野市</t>
  </si>
  <si>
    <t>厚木市</t>
  </si>
  <si>
    <t>大和市</t>
  </si>
  <si>
    <t>伊勢原市</t>
  </si>
  <si>
    <t>海老名市</t>
  </si>
  <si>
    <t>座間市</t>
  </si>
  <si>
    <t>南足柄市</t>
  </si>
  <si>
    <t>綾瀬市</t>
  </si>
  <si>
    <t>町村計</t>
  </si>
  <si>
    <t>葉山町</t>
  </si>
  <si>
    <t>寒川町</t>
  </si>
  <si>
    <t>大磯町</t>
  </si>
  <si>
    <t>二宮町</t>
  </si>
  <si>
    <t>中井町</t>
  </si>
  <si>
    <t>大井町</t>
  </si>
  <si>
    <t>松田町</t>
  </si>
  <si>
    <t>山北町</t>
  </si>
  <si>
    <t>開成町</t>
  </si>
  <si>
    <t>箱根町</t>
  </si>
  <si>
    <t>真鶴町</t>
  </si>
  <si>
    <t>湯河原町</t>
  </si>
  <si>
    <t>愛川町</t>
  </si>
  <si>
    <t>清川村</t>
  </si>
  <si>
    <t>資料：障害福祉課</t>
    <phoneticPr fontId="4"/>
  </si>
  <si>
    <t>(※１H30年度より項目追加、※２R4年度より項目追加)</t>
    <rPh sb="6" eb="7">
      <t>ネン</t>
    </rPh>
    <rPh sb="7" eb="8">
      <t>ド</t>
    </rPh>
    <rPh sb="10" eb="12">
      <t>コウモク</t>
    </rPh>
    <rPh sb="12" eb="14">
      <t>ツイカ</t>
    </rPh>
    <rPh sb="19" eb="21">
      <t>ネンド</t>
    </rPh>
    <rPh sb="23" eb="25">
      <t>コウモク</t>
    </rPh>
    <rPh sb="25" eb="27">
      <t>ツイカ</t>
    </rPh>
    <phoneticPr fontId="4"/>
  </si>
  <si>
    <t>（注）上段は交付、下段は修理の件数</t>
    <phoneticPr fontId="4"/>
  </si>
  <si>
    <t>（注）上段は交付、下段は修理の件数及び金額</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41" formatCode="_ * #,##0_ ;_ * \-#,##0_ ;_ * &quot;-&quot;_ ;_ @_ "/>
  </numFmts>
  <fonts count="15" x14ac:knownFonts="1">
    <font>
      <sz val="12"/>
      <color theme="1"/>
      <name val="ＭＳ 明朝"/>
      <family val="2"/>
      <charset val="128"/>
    </font>
    <font>
      <sz val="11"/>
      <name val="ＭＳ Ｐゴシック"/>
      <family val="3"/>
      <charset val="128"/>
    </font>
    <font>
      <sz val="11"/>
      <name val="メイリオ"/>
      <family val="3"/>
      <charset val="128"/>
    </font>
    <font>
      <sz val="6"/>
      <name val="ＭＳ 明朝"/>
      <family val="2"/>
      <charset val="128"/>
    </font>
    <font>
      <sz val="6"/>
      <name val="ＭＳ Ｐゴシック"/>
      <family val="3"/>
      <charset val="128"/>
    </font>
    <font>
      <sz val="11"/>
      <color theme="1"/>
      <name val="メイリオ"/>
      <family val="3"/>
      <charset val="128"/>
    </font>
    <font>
      <sz val="11"/>
      <name val="Meiryo UI"/>
      <family val="3"/>
      <charset val="128"/>
    </font>
    <font>
      <sz val="11"/>
      <color theme="1"/>
      <name val="Meiryo UI"/>
      <family val="3"/>
      <charset val="128"/>
    </font>
    <font>
      <sz val="6"/>
      <name val="Meiryo UI"/>
      <family val="3"/>
      <charset val="128"/>
    </font>
    <font>
      <sz val="8"/>
      <color theme="1"/>
      <name val="Meiryo UI"/>
      <family val="3"/>
      <charset val="128"/>
    </font>
    <font>
      <sz val="9"/>
      <name val="Meiryo UI"/>
      <family val="3"/>
      <charset val="128"/>
    </font>
    <font>
      <sz val="9"/>
      <color theme="1"/>
      <name val="Meiryo UI"/>
      <family val="3"/>
      <charset val="128"/>
    </font>
    <font>
      <sz val="6"/>
      <color theme="1"/>
      <name val="Meiryo UI"/>
      <family val="3"/>
      <charset val="128"/>
    </font>
    <font>
      <sz val="10"/>
      <name val="Meiryo UI"/>
      <family val="3"/>
      <charset val="128"/>
    </font>
    <font>
      <sz val="11"/>
      <color theme="4" tint="-0.499984740745262"/>
      <name val="メイリオ"/>
      <family val="3"/>
      <charset val="128"/>
    </font>
  </fonts>
  <fills count="5">
    <fill>
      <patternFill patternType="none"/>
    </fill>
    <fill>
      <patternFill patternType="gray125"/>
    </fill>
    <fill>
      <patternFill patternType="solid">
        <fgColor theme="0"/>
        <bgColor indexed="64"/>
      </patternFill>
    </fill>
    <fill>
      <patternFill patternType="solid">
        <fgColor theme="4" tint="0.79998168889431442"/>
        <bgColor indexed="64"/>
      </patternFill>
    </fill>
    <fill>
      <patternFill patternType="solid">
        <fgColor theme="5" tint="0.79998168889431442"/>
        <bgColor indexed="64"/>
      </patternFill>
    </fill>
  </fills>
  <borders count="99">
    <border>
      <left/>
      <right/>
      <top/>
      <bottom/>
      <diagonal/>
    </border>
    <border>
      <left/>
      <right/>
      <top/>
      <bottom style="medium">
        <color indexed="64"/>
      </bottom>
      <diagonal/>
    </border>
    <border>
      <left style="medium">
        <color indexed="64"/>
      </left>
      <right style="medium">
        <color indexed="64"/>
      </right>
      <top style="medium">
        <color indexed="64"/>
      </top>
      <bottom/>
      <diagonal/>
    </border>
    <border>
      <left style="medium">
        <color indexed="64"/>
      </left>
      <right style="double">
        <color indexed="64"/>
      </right>
      <top style="medium">
        <color indexed="64"/>
      </top>
      <bottom/>
      <diagonal/>
    </border>
    <border>
      <left/>
      <right/>
      <top style="medium">
        <color indexed="64"/>
      </top>
      <bottom style="thin">
        <color indexed="8"/>
      </bottom>
      <diagonal/>
    </border>
    <border>
      <left/>
      <right style="thin">
        <color indexed="8"/>
      </right>
      <top style="medium">
        <color indexed="64"/>
      </top>
      <bottom style="thin">
        <color indexed="8"/>
      </bottom>
      <diagonal/>
    </border>
    <border>
      <left style="thin">
        <color indexed="8"/>
      </left>
      <right/>
      <top style="medium">
        <color indexed="64"/>
      </top>
      <bottom style="thin">
        <color indexed="8"/>
      </bottom>
      <diagonal/>
    </border>
    <border>
      <left/>
      <right style="thin">
        <color indexed="64"/>
      </right>
      <top style="medium">
        <color indexed="64"/>
      </top>
      <bottom style="thin">
        <color indexed="8"/>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right style="medium">
        <color indexed="64"/>
      </right>
      <top style="medium">
        <color indexed="64"/>
      </top>
      <bottom style="thin">
        <color indexed="8"/>
      </bottom>
      <diagonal/>
    </border>
    <border>
      <left style="medium">
        <color indexed="64"/>
      </left>
      <right/>
      <top style="medium">
        <color indexed="64"/>
      </top>
      <bottom style="thin">
        <color indexed="8"/>
      </bottom>
      <diagonal/>
    </border>
    <border>
      <left/>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8"/>
      </right>
      <top style="medium">
        <color indexed="64"/>
      </top>
      <bottom/>
      <diagonal/>
    </border>
    <border>
      <left style="thin">
        <color indexed="8"/>
      </left>
      <right style="thin">
        <color indexed="8"/>
      </right>
      <top style="medium">
        <color indexed="64"/>
      </top>
      <bottom/>
      <diagonal/>
    </border>
    <border>
      <left style="thin">
        <color indexed="8"/>
      </left>
      <right style="thin">
        <color indexed="64"/>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bottom/>
      <diagonal/>
    </border>
    <border>
      <left style="medium">
        <color indexed="64"/>
      </left>
      <right style="double">
        <color indexed="64"/>
      </right>
      <top/>
      <bottom/>
      <diagonal/>
    </border>
    <border>
      <left/>
      <right style="thin">
        <color indexed="8"/>
      </right>
      <top style="thin">
        <color indexed="8"/>
      </top>
      <bottom/>
      <diagonal/>
    </border>
    <border>
      <left style="thin">
        <color indexed="8"/>
      </left>
      <right style="thin">
        <color indexed="8"/>
      </right>
      <top style="thin">
        <color indexed="8"/>
      </top>
      <bottom/>
      <diagonal/>
    </border>
    <border>
      <left style="thin">
        <color indexed="8"/>
      </left>
      <right style="thin">
        <color indexed="64"/>
      </right>
      <top style="thin">
        <color indexed="8"/>
      </top>
      <bottom/>
      <diagonal/>
    </border>
    <border>
      <left style="thin">
        <color indexed="8"/>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8"/>
      </right>
      <top style="thin">
        <color indexed="8"/>
      </top>
      <bottom/>
      <diagonal/>
    </border>
    <border>
      <left style="thin">
        <color indexed="64"/>
      </left>
      <right style="medium">
        <color indexed="64"/>
      </right>
      <top style="thin">
        <color indexed="8"/>
      </top>
      <bottom/>
      <diagonal/>
    </border>
    <border>
      <left style="medium">
        <color indexed="64"/>
      </left>
      <right/>
      <top style="thin">
        <color indexed="8"/>
      </top>
      <bottom/>
      <diagonal/>
    </border>
    <border>
      <left style="thin">
        <color indexed="8"/>
      </left>
      <right/>
      <top style="thin">
        <color indexed="8"/>
      </top>
      <bottom/>
      <diagonal/>
    </border>
    <border>
      <left style="thin">
        <color indexed="8"/>
      </left>
      <right/>
      <top style="thin">
        <color indexed="8"/>
      </top>
      <bottom style="thin">
        <color indexed="64"/>
      </bottom>
      <diagonal/>
    </border>
    <border>
      <left/>
      <right/>
      <top style="thin">
        <color indexed="8"/>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right style="thin">
        <color indexed="64"/>
      </right>
      <top style="thin">
        <color indexed="64"/>
      </top>
      <bottom/>
      <diagonal/>
    </border>
    <border>
      <left style="thin">
        <color indexed="64"/>
      </left>
      <right style="thin">
        <color indexed="8"/>
      </right>
      <top/>
      <bottom/>
      <diagonal/>
    </border>
    <border>
      <left style="thin">
        <color indexed="8"/>
      </left>
      <right style="thin">
        <color indexed="8"/>
      </right>
      <top/>
      <bottom/>
      <diagonal/>
    </border>
    <border>
      <left style="thin">
        <color indexed="8"/>
      </left>
      <right style="thin">
        <color indexed="64"/>
      </right>
      <top/>
      <bottom/>
      <diagonal/>
    </border>
    <border>
      <left style="thin">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8"/>
      </right>
      <top/>
      <bottom/>
      <diagonal/>
    </border>
    <border>
      <left style="thin">
        <color indexed="64"/>
      </left>
      <right style="thin">
        <color indexed="64"/>
      </right>
      <top/>
      <bottom style="medium">
        <color indexed="64"/>
      </bottom>
      <diagonal/>
    </border>
    <border>
      <left style="thin">
        <color indexed="64"/>
      </left>
      <right style="thin">
        <color indexed="8"/>
      </right>
      <top/>
      <bottom style="medium">
        <color indexed="64"/>
      </bottom>
      <diagonal/>
    </border>
    <border>
      <left style="thin">
        <color indexed="8"/>
      </left>
      <right style="thin">
        <color indexed="8"/>
      </right>
      <top/>
      <bottom style="medium">
        <color indexed="64"/>
      </bottom>
      <diagonal/>
    </border>
    <border>
      <left style="thin">
        <color indexed="64"/>
      </left>
      <right style="medium">
        <color indexed="64"/>
      </right>
      <top/>
      <bottom/>
      <diagonal/>
    </border>
    <border>
      <left style="medium">
        <color indexed="64"/>
      </left>
      <right style="thin">
        <color indexed="64"/>
      </right>
      <top style="thin">
        <color indexed="8"/>
      </top>
      <bottom style="medium">
        <color indexed="64"/>
      </bottom>
      <diagonal/>
    </border>
    <border>
      <left style="thin">
        <color indexed="64"/>
      </left>
      <right style="thin">
        <color indexed="64"/>
      </right>
      <top style="thin">
        <color indexed="64"/>
      </top>
      <bottom style="medium">
        <color indexed="64"/>
      </bottom>
      <diagonal/>
    </border>
    <border>
      <left style="thin">
        <color indexed="8"/>
      </left>
      <right style="thin">
        <color indexed="64"/>
      </right>
      <top style="thin">
        <color indexed="8"/>
      </top>
      <bottom style="medium">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diagonal/>
    </border>
    <border>
      <left/>
      <right style="thin">
        <color indexed="64"/>
      </right>
      <top/>
      <bottom/>
      <diagonal/>
    </border>
    <border>
      <left/>
      <right style="thin">
        <color indexed="8"/>
      </right>
      <top style="medium">
        <color indexed="64"/>
      </top>
      <bottom/>
      <diagonal/>
    </border>
    <border>
      <left style="thin">
        <color indexed="8"/>
      </left>
      <right style="medium">
        <color indexed="64"/>
      </right>
      <top style="medium">
        <color indexed="64"/>
      </top>
      <bottom/>
      <diagonal/>
    </border>
    <border>
      <left style="medium">
        <color indexed="64"/>
      </left>
      <right style="thin">
        <color indexed="8"/>
      </right>
      <top/>
      <bottom/>
      <diagonal/>
    </border>
    <border>
      <left style="thin">
        <color indexed="8"/>
      </left>
      <right/>
      <top/>
      <bottom/>
      <diagonal/>
    </border>
    <border>
      <left style="medium">
        <color indexed="64"/>
      </left>
      <right style="thin">
        <color indexed="8"/>
      </right>
      <top style="medium">
        <color indexed="64"/>
      </top>
      <bottom/>
      <diagonal/>
    </border>
    <border>
      <left style="thin">
        <color indexed="8"/>
      </left>
      <right/>
      <top style="medium">
        <color indexed="64"/>
      </top>
      <bottom/>
      <diagonal/>
    </border>
    <border>
      <left style="medium">
        <color indexed="64"/>
      </left>
      <right style="medium">
        <color indexed="64"/>
      </right>
      <top/>
      <bottom style="double">
        <color indexed="64"/>
      </bottom>
      <diagonal/>
    </border>
    <border>
      <left style="medium">
        <color indexed="64"/>
      </left>
      <right style="double">
        <color indexed="64"/>
      </right>
      <top/>
      <bottom style="double">
        <color indexed="64"/>
      </bottom>
      <diagonal/>
    </border>
    <border>
      <left/>
      <right style="thin">
        <color indexed="8"/>
      </right>
      <top/>
      <bottom style="double">
        <color indexed="64"/>
      </bottom>
      <diagonal/>
    </border>
    <border>
      <left style="thin">
        <color indexed="8"/>
      </left>
      <right style="thin">
        <color indexed="8"/>
      </right>
      <top/>
      <bottom style="double">
        <color indexed="64"/>
      </bottom>
      <diagonal/>
    </border>
    <border>
      <left style="thin">
        <color indexed="8"/>
      </left>
      <right style="medium">
        <color indexed="64"/>
      </right>
      <top/>
      <bottom style="double">
        <color indexed="64"/>
      </bottom>
      <diagonal/>
    </border>
    <border>
      <left style="medium">
        <color indexed="64"/>
      </left>
      <right style="thin">
        <color indexed="8"/>
      </right>
      <top/>
      <bottom style="double">
        <color indexed="64"/>
      </bottom>
      <diagonal/>
    </border>
    <border>
      <left style="thin">
        <color indexed="8"/>
      </left>
      <right style="thin">
        <color indexed="64"/>
      </right>
      <top/>
      <bottom style="double">
        <color indexed="64"/>
      </bottom>
      <diagonal/>
    </border>
    <border>
      <left style="thin">
        <color indexed="8"/>
      </left>
      <right/>
      <top/>
      <bottom style="double">
        <color indexed="64"/>
      </bottom>
      <diagonal/>
    </border>
    <border>
      <left style="thin">
        <color indexed="64"/>
      </left>
      <right style="medium">
        <color indexed="64"/>
      </right>
      <top style="medium">
        <color indexed="64"/>
      </top>
      <bottom/>
      <diagonal/>
    </border>
    <border>
      <left style="thin">
        <color indexed="64"/>
      </left>
      <right style="thin">
        <color indexed="8"/>
      </right>
      <top/>
      <bottom style="double">
        <color indexed="64"/>
      </bottom>
      <diagonal/>
    </border>
    <border>
      <left style="thin">
        <color indexed="64"/>
      </left>
      <right style="medium">
        <color indexed="64"/>
      </right>
      <top/>
      <bottom style="double">
        <color indexed="64"/>
      </bottom>
      <diagonal/>
    </border>
    <border>
      <left style="thin">
        <color indexed="64"/>
      </left>
      <right/>
      <top/>
      <bottom style="double">
        <color indexed="64"/>
      </bottom>
      <diagonal/>
    </border>
    <border>
      <left/>
      <right/>
      <top style="thin">
        <color indexed="8"/>
      </top>
      <bottom/>
      <diagonal/>
    </border>
    <border>
      <left style="thin">
        <color indexed="8"/>
      </left>
      <right style="medium">
        <color indexed="64"/>
      </right>
      <top style="thin">
        <color indexed="8"/>
      </top>
      <bottom/>
      <diagonal/>
    </border>
    <border>
      <left style="medium">
        <color indexed="64"/>
      </left>
      <right style="medium">
        <color indexed="64"/>
      </right>
      <top style="thin">
        <color indexed="8"/>
      </top>
      <bottom/>
      <diagonal/>
    </border>
    <border>
      <left style="medium">
        <color indexed="64"/>
      </left>
      <right/>
      <top/>
      <bottom/>
      <diagonal/>
    </border>
    <border>
      <left style="thin">
        <color indexed="8"/>
      </left>
      <right style="medium">
        <color indexed="64"/>
      </right>
      <top/>
      <bottom/>
      <diagonal/>
    </border>
    <border>
      <left style="medium">
        <color indexed="64"/>
      </left>
      <right style="medium">
        <color indexed="64"/>
      </right>
      <top/>
      <bottom style="thin">
        <color indexed="8"/>
      </bottom>
      <diagonal/>
    </border>
    <border>
      <left style="medium">
        <color indexed="64"/>
      </left>
      <right style="double">
        <color indexed="64"/>
      </right>
      <top/>
      <bottom style="thin">
        <color indexed="8"/>
      </bottom>
      <diagonal/>
    </border>
    <border>
      <left style="medium">
        <color indexed="64"/>
      </left>
      <right style="double">
        <color indexed="64"/>
      </right>
      <top style="thin">
        <color indexed="8"/>
      </top>
      <bottom/>
      <diagonal/>
    </border>
    <border>
      <left style="medium">
        <color indexed="64"/>
      </left>
      <right style="double">
        <color indexed="64"/>
      </right>
      <top/>
      <bottom style="medium">
        <color indexed="64"/>
      </bottom>
      <diagonal/>
    </border>
    <border>
      <left style="thin">
        <color indexed="8"/>
      </left>
      <right/>
      <top/>
      <bottom style="medium">
        <color indexed="64"/>
      </bottom>
      <diagonal/>
    </border>
    <border>
      <left style="thin">
        <color indexed="8"/>
      </left>
      <right style="medium">
        <color indexed="64"/>
      </right>
      <top/>
      <bottom style="medium">
        <color indexed="64"/>
      </bottom>
      <diagonal/>
    </border>
    <border>
      <left style="medium">
        <color indexed="64"/>
      </left>
      <right style="medium">
        <color indexed="64"/>
      </right>
      <top style="medium">
        <color indexed="8"/>
      </top>
      <bottom/>
      <diagonal/>
    </border>
    <border>
      <left style="medium">
        <color indexed="64"/>
      </left>
      <right style="thin">
        <color indexed="8"/>
      </right>
      <top style="medium">
        <color indexed="8"/>
      </top>
      <bottom/>
      <diagonal/>
    </border>
    <border>
      <left style="thin">
        <color indexed="64"/>
      </left>
      <right style="thin">
        <color indexed="8"/>
      </right>
      <top style="medium">
        <color indexed="8"/>
      </top>
      <bottom/>
      <diagonal/>
    </border>
    <border>
      <left style="thin">
        <color indexed="8"/>
      </left>
      <right style="thin">
        <color indexed="64"/>
      </right>
      <top style="medium">
        <color indexed="8"/>
      </top>
      <bottom/>
      <diagonal/>
    </border>
    <border>
      <left/>
      <right style="thin">
        <color indexed="8"/>
      </right>
      <top style="medium">
        <color indexed="8"/>
      </top>
      <bottom/>
      <diagonal/>
    </border>
    <border>
      <left style="thin">
        <color indexed="64"/>
      </left>
      <right/>
      <top style="medium">
        <color indexed="8"/>
      </top>
      <bottom/>
      <diagonal/>
    </border>
    <border>
      <left style="thin">
        <color indexed="64"/>
      </left>
      <right style="medium">
        <color indexed="64"/>
      </right>
      <top style="medium">
        <color indexed="8"/>
      </top>
      <bottom/>
      <diagonal/>
    </border>
    <border>
      <left style="thin">
        <color indexed="8"/>
      </left>
      <right style="medium">
        <color indexed="64"/>
      </right>
      <top style="medium">
        <color indexed="8"/>
      </top>
      <bottom/>
      <diagonal/>
    </border>
    <border>
      <left style="medium">
        <color indexed="64"/>
      </left>
      <right/>
      <top/>
      <bottom style="medium">
        <color indexed="64"/>
      </bottom>
      <diagonal/>
    </border>
  </borders>
  <cellStyleXfs count="2">
    <xf numFmtId="0" fontId="0" fillId="0" borderId="0">
      <alignment vertical="center"/>
    </xf>
    <xf numFmtId="38" fontId="1" fillId="0" borderId="0" applyFont="0" applyFill="0" applyBorder="0" applyAlignment="0" applyProtection="0"/>
  </cellStyleXfs>
  <cellXfs count="162">
    <xf numFmtId="0" fontId="0" fillId="0" borderId="0" xfId="0">
      <alignment vertical="center"/>
    </xf>
    <xf numFmtId="0" fontId="2" fillId="2" borderId="0" xfId="1" applyNumberFormat="1" applyFont="1" applyFill="1" applyBorder="1" applyAlignment="1">
      <alignment vertical="center"/>
    </xf>
    <xf numFmtId="38" fontId="2" fillId="0" borderId="0" xfId="1" applyFont="1" applyFill="1" applyAlignment="1">
      <alignment vertical="center"/>
    </xf>
    <xf numFmtId="38" fontId="5" fillId="0" borderId="0" xfId="1" applyFont="1" applyFill="1" applyBorder="1" applyAlignment="1">
      <alignment horizontal="center" vertical="center"/>
    </xf>
    <xf numFmtId="38" fontId="5" fillId="0" borderId="1" xfId="1" applyFont="1" applyFill="1" applyBorder="1" applyAlignment="1">
      <alignment horizontal="center" vertical="center"/>
    </xf>
    <xf numFmtId="38" fontId="2" fillId="0" borderId="0" xfId="1" applyFont="1" applyFill="1" applyBorder="1" applyAlignment="1">
      <alignment horizontal="right" vertical="center"/>
    </xf>
    <xf numFmtId="38" fontId="2" fillId="0" borderId="0" xfId="1" applyNumberFormat="1" applyFont="1" applyFill="1" applyAlignment="1">
      <alignment vertical="center"/>
    </xf>
    <xf numFmtId="38" fontId="6" fillId="3" borderId="2" xfId="1" applyFont="1" applyFill="1" applyBorder="1" applyAlignment="1">
      <alignment horizontal="distributed" vertical="center" wrapText="1" justifyLastLine="1"/>
    </xf>
    <xf numFmtId="38" fontId="6" fillId="3" borderId="3" xfId="1" applyFont="1" applyFill="1" applyBorder="1" applyAlignment="1">
      <alignment horizontal="distributed" vertical="center" wrapText="1" justifyLastLine="1"/>
    </xf>
    <xf numFmtId="38" fontId="6" fillId="3" borderId="4" xfId="1" applyFont="1" applyFill="1" applyBorder="1" applyAlignment="1">
      <alignment horizontal="distributed" vertical="center" wrapText="1" justifyLastLine="1"/>
    </xf>
    <xf numFmtId="38" fontId="6" fillId="3" borderId="5" xfId="1" applyFont="1" applyFill="1" applyBorder="1" applyAlignment="1">
      <alignment horizontal="distributed" vertical="center" wrapText="1" justifyLastLine="1"/>
    </xf>
    <xf numFmtId="38" fontId="6" fillId="3" borderId="6" xfId="1" applyFont="1" applyFill="1" applyBorder="1" applyAlignment="1">
      <alignment horizontal="distributed" vertical="center" wrapText="1" justifyLastLine="1"/>
    </xf>
    <xf numFmtId="38" fontId="6" fillId="3" borderId="7" xfId="1" applyFont="1" applyFill="1" applyBorder="1" applyAlignment="1">
      <alignment horizontal="distributed" vertical="center" wrapText="1" justifyLastLine="1"/>
    </xf>
    <xf numFmtId="38" fontId="6" fillId="3" borderId="8" xfId="1" applyFont="1" applyFill="1" applyBorder="1" applyAlignment="1">
      <alignment horizontal="distributed" vertical="center" wrapText="1" justifyLastLine="1"/>
    </xf>
    <xf numFmtId="38" fontId="6" fillId="3" borderId="9" xfId="1" applyFont="1" applyFill="1" applyBorder="1" applyAlignment="1">
      <alignment horizontal="distributed" vertical="center" wrapText="1" justifyLastLine="1"/>
    </xf>
    <xf numFmtId="38" fontId="6" fillId="3" borderId="10" xfId="1" applyFont="1" applyFill="1" applyBorder="1" applyAlignment="1">
      <alignment horizontal="distributed" vertical="center" wrapText="1" justifyLastLine="1"/>
    </xf>
    <xf numFmtId="38" fontId="6" fillId="3" borderId="11" xfId="1" applyFont="1" applyFill="1" applyBorder="1" applyAlignment="1">
      <alignment horizontal="center" vertical="top" textRotation="255" wrapText="1"/>
    </xf>
    <xf numFmtId="38" fontId="7" fillId="3" borderId="4" xfId="1" applyFont="1" applyFill="1" applyBorder="1" applyAlignment="1">
      <alignment horizontal="distributed" vertical="center" wrapText="1" justifyLastLine="1"/>
    </xf>
    <xf numFmtId="38" fontId="7" fillId="3" borderId="5" xfId="1" applyFont="1" applyFill="1" applyBorder="1" applyAlignment="1">
      <alignment horizontal="distributed" vertical="center" wrapText="1" justifyLastLine="1"/>
    </xf>
    <xf numFmtId="38" fontId="6" fillId="3" borderId="12" xfId="1" applyFont="1" applyFill="1" applyBorder="1" applyAlignment="1">
      <alignment horizontal="distributed" vertical="center" wrapText="1" justifyLastLine="1"/>
    </xf>
    <xf numFmtId="38" fontId="6" fillId="3" borderId="13" xfId="1" applyFont="1" applyFill="1" applyBorder="1" applyAlignment="1">
      <alignment horizontal="distributed" vertical="center" wrapText="1" justifyLastLine="1"/>
    </xf>
    <xf numFmtId="38" fontId="6" fillId="3" borderId="14" xfId="1" applyFont="1" applyFill="1" applyBorder="1" applyAlignment="1">
      <alignment horizontal="distributed" vertical="center" wrapText="1" justifyLastLine="1"/>
    </xf>
    <xf numFmtId="38" fontId="6" fillId="3" borderId="2" xfId="1" applyFont="1" applyFill="1" applyBorder="1" applyAlignment="1">
      <alignment horizontal="distributed" vertical="center" wrapText="1" justifyLastLine="1"/>
    </xf>
    <xf numFmtId="38" fontId="6" fillId="3" borderId="15" xfId="1" applyFont="1" applyFill="1" applyBorder="1" applyAlignment="1">
      <alignment horizontal="distributed" vertical="center" wrapText="1" justifyLastLine="1"/>
    </xf>
    <xf numFmtId="38" fontId="6" fillId="3" borderId="16" xfId="1" applyFont="1" applyFill="1" applyBorder="1" applyAlignment="1">
      <alignment horizontal="distributed" vertical="center" wrapText="1" justifyLastLine="1"/>
    </xf>
    <xf numFmtId="38" fontId="6" fillId="3" borderId="17" xfId="1" applyFont="1" applyFill="1" applyBorder="1" applyAlignment="1">
      <alignment horizontal="center" vertical="top" textRotation="255" wrapText="1"/>
    </xf>
    <xf numFmtId="38" fontId="6" fillId="3" borderId="18" xfId="1" applyFont="1" applyFill="1" applyBorder="1" applyAlignment="1">
      <alignment horizontal="center" vertical="top" textRotation="255" wrapText="1"/>
    </xf>
    <xf numFmtId="38" fontId="6" fillId="3" borderId="19" xfId="1" applyFont="1" applyFill="1" applyBorder="1" applyAlignment="1">
      <alignment horizontal="center" vertical="top" textRotation="255" wrapText="1"/>
    </xf>
    <xf numFmtId="38" fontId="6" fillId="3" borderId="20" xfId="1" applyFont="1" applyFill="1" applyBorder="1" applyAlignment="1">
      <alignment horizontal="center" vertical="top" textRotation="255" wrapText="1"/>
    </xf>
    <xf numFmtId="38" fontId="6" fillId="3" borderId="21" xfId="1" applyFont="1" applyFill="1" applyBorder="1" applyAlignment="1">
      <alignment horizontal="distributed" vertical="center" wrapText="1" justifyLastLine="1"/>
    </xf>
    <xf numFmtId="38" fontId="6" fillId="3" borderId="22" xfId="1" applyFont="1" applyFill="1" applyBorder="1" applyAlignment="1">
      <alignment horizontal="distributed" vertical="center" wrapText="1" justifyLastLine="1"/>
    </xf>
    <xf numFmtId="38" fontId="6" fillId="0" borderId="0" xfId="1" applyNumberFormat="1" applyFont="1" applyFill="1" applyAlignment="1">
      <alignment horizontal="left" vertical="center" wrapText="1"/>
    </xf>
    <xf numFmtId="38" fontId="6" fillId="3" borderId="23" xfId="1" applyFont="1" applyFill="1" applyBorder="1" applyAlignment="1">
      <alignment horizontal="distributed" vertical="center" wrapText="1" justifyLastLine="1"/>
    </xf>
    <xf numFmtId="38" fontId="6" fillId="3" borderId="24" xfId="1" applyFont="1" applyFill="1" applyBorder="1" applyAlignment="1">
      <alignment horizontal="distributed" vertical="center" wrapText="1" justifyLastLine="1"/>
    </xf>
    <xf numFmtId="38" fontId="6" fillId="3" borderId="25" xfId="1" applyFont="1" applyFill="1" applyBorder="1" applyAlignment="1">
      <alignment horizontal="distributed" vertical="top" textRotation="255" wrapText="1"/>
    </xf>
    <xf numFmtId="38" fontId="6" fillId="3" borderId="26" xfId="1" applyFont="1" applyFill="1" applyBorder="1" applyAlignment="1">
      <alignment horizontal="distributed" vertical="top" textRotation="255" wrapText="1"/>
    </xf>
    <xf numFmtId="38" fontId="6" fillId="3" borderId="27" xfId="1" applyFont="1" applyFill="1" applyBorder="1" applyAlignment="1">
      <alignment horizontal="distributed" vertical="top" textRotation="255" wrapText="1"/>
    </xf>
    <xf numFmtId="38" fontId="6" fillId="3" borderId="28" xfId="1" applyFont="1" applyFill="1" applyBorder="1" applyAlignment="1">
      <alignment horizontal="center" vertical="top" textRotation="255" wrapText="1"/>
    </xf>
    <xf numFmtId="38" fontId="8" fillId="3" borderId="28" xfId="1" applyFont="1" applyFill="1" applyBorder="1" applyAlignment="1">
      <alignment horizontal="center" vertical="top" textRotation="255" wrapText="1"/>
    </xf>
    <xf numFmtId="38" fontId="6" fillId="3" borderId="29" xfId="1" applyFont="1" applyFill="1" applyBorder="1" applyAlignment="1">
      <alignment horizontal="center" vertical="top" textRotation="255" wrapText="1"/>
    </xf>
    <xf numFmtId="38" fontId="7" fillId="3" borderId="30" xfId="1" applyFont="1" applyFill="1" applyBorder="1" applyAlignment="1">
      <alignment horizontal="center" vertical="top" textRotation="255" wrapText="1"/>
    </xf>
    <xf numFmtId="38" fontId="7" fillId="3" borderId="26" xfId="1" applyFont="1" applyFill="1" applyBorder="1" applyAlignment="1">
      <alignment horizontal="left" vertical="top" textRotation="255" wrapText="1"/>
    </xf>
    <xf numFmtId="38" fontId="6" fillId="3" borderId="26" xfId="1" applyFont="1" applyFill="1" applyBorder="1" applyAlignment="1">
      <alignment horizontal="center" vertical="top" textRotation="255" wrapText="1"/>
    </xf>
    <xf numFmtId="38" fontId="6" fillId="3" borderId="27" xfId="1" applyFont="1" applyFill="1" applyBorder="1" applyAlignment="1">
      <alignment horizontal="center" vertical="top" textRotation="255" wrapText="1"/>
    </xf>
    <xf numFmtId="38" fontId="6" fillId="3" borderId="31" xfId="1" applyFont="1" applyFill="1" applyBorder="1" applyAlignment="1">
      <alignment horizontal="center" vertical="top" textRotation="255" wrapText="1"/>
    </xf>
    <xf numFmtId="38" fontId="6" fillId="3" borderId="32" xfId="1" applyFont="1" applyFill="1" applyBorder="1" applyAlignment="1">
      <alignment horizontal="distributed" vertical="center" wrapText="1" justifyLastLine="1"/>
    </xf>
    <xf numFmtId="38" fontId="6" fillId="3" borderId="25" xfId="1" applyFont="1" applyFill="1" applyBorder="1" applyAlignment="1">
      <alignment horizontal="distributed" vertical="center" wrapText="1" justifyLastLine="1"/>
    </xf>
    <xf numFmtId="38" fontId="6" fillId="3" borderId="33" xfId="1" applyFont="1" applyFill="1" applyBorder="1" applyAlignment="1">
      <alignment horizontal="distributed" vertical="center" wrapText="1" justifyLastLine="1"/>
    </xf>
    <xf numFmtId="38" fontId="6" fillId="3" borderId="34" xfId="1" applyFont="1" applyFill="1" applyBorder="1" applyAlignment="1">
      <alignment horizontal="distributed" vertical="center" wrapText="1" justifyLastLine="1"/>
    </xf>
    <xf numFmtId="38" fontId="6" fillId="3" borderId="35" xfId="1" applyFont="1" applyFill="1" applyBorder="1" applyAlignment="1">
      <alignment horizontal="distributed" vertical="center" wrapText="1" justifyLastLine="1"/>
    </xf>
    <xf numFmtId="38" fontId="7" fillId="3" borderId="36" xfId="1" applyFont="1" applyFill="1" applyBorder="1" applyAlignment="1">
      <alignment horizontal="distributed" vertical="center" wrapText="1" justifyLastLine="1"/>
    </xf>
    <xf numFmtId="38" fontId="7" fillId="3" borderId="37" xfId="1" applyFont="1" applyFill="1" applyBorder="1" applyAlignment="1">
      <alignment horizontal="distributed" vertical="center" wrapText="1" justifyLastLine="1"/>
    </xf>
    <xf numFmtId="38" fontId="7" fillId="3" borderId="38" xfId="1" applyFont="1" applyFill="1" applyBorder="1" applyAlignment="1">
      <alignment horizontal="center" vertical="center" textRotation="255" wrapText="1" justifyLastLine="1"/>
    </xf>
    <xf numFmtId="38" fontId="6" fillId="3" borderId="39" xfId="1" applyFont="1" applyFill="1" applyBorder="1" applyAlignment="1">
      <alignment horizontal="center" vertical="top" textRotation="255" wrapText="1"/>
    </xf>
    <xf numFmtId="38" fontId="6" fillId="3" borderId="40" xfId="1" applyFont="1" applyFill="1" applyBorder="1" applyAlignment="1">
      <alignment horizontal="center" vertical="top" textRotation="255" wrapText="1"/>
    </xf>
    <xf numFmtId="38" fontId="7" fillId="3" borderId="40" xfId="1" applyFont="1" applyFill="1" applyBorder="1" applyAlignment="1">
      <alignment horizontal="center" vertical="top" textRotation="255" wrapText="1"/>
    </xf>
    <xf numFmtId="38" fontId="9" fillId="3" borderId="40" xfId="1" applyFont="1" applyFill="1" applyBorder="1" applyAlignment="1">
      <alignment horizontal="center" vertical="top" textRotation="255" wrapText="1"/>
    </xf>
    <xf numFmtId="38" fontId="10" fillId="3" borderId="40" xfId="1" applyFont="1" applyFill="1" applyBorder="1" applyAlignment="1">
      <alignment horizontal="center" vertical="top" textRotation="255" wrapText="1"/>
    </xf>
    <xf numFmtId="38" fontId="11" fillId="3" borderId="40" xfId="1" applyFont="1" applyFill="1" applyBorder="1" applyAlignment="1">
      <alignment horizontal="center" vertical="top" textRotation="255" wrapText="1"/>
    </xf>
    <xf numFmtId="38" fontId="12" fillId="3" borderId="41" xfId="1" applyFont="1" applyFill="1" applyBorder="1" applyAlignment="1">
      <alignment horizontal="center" vertical="top" textRotation="255" wrapText="1"/>
    </xf>
    <xf numFmtId="38" fontId="6" fillId="3" borderId="42" xfId="1" applyFont="1" applyFill="1" applyBorder="1" applyAlignment="1">
      <alignment horizontal="center" vertical="top" wrapText="1"/>
    </xf>
    <xf numFmtId="38" fontId="6" fillId="3" borderId="40" xfId="1" applyFont="1" applyFill="1" applyBorder="1" applyAlignment="1">
      <alignment horizontal="center" vertical="top" wrapText="1"/>
    </xf>
    <xf numFmtId="38" fontId="13" fillId="3" borderId="40" xfId="1" applyFont="1" applyFill="1" applyBorder="1" applyAlignment="1">
      <alignment horizontal="center" vertical="top" textRotation="255" wrapText="1"/>
    </xf>
    <xf numFmtId="38" fontId="12" fillId="3" borderId="40" xfId="1" applyFont="1" applyFill="1" applyBorder="1" applyAlignment="1">
      <alignment horizontal="center" vertical="top" textRotation="255" wrapText="1"/>
    </xf>
    <xf numFmtId="38" fontId="6" fillId="3" borderId="43" xfId="1" applyFont="1" applyFill="1" applyBorder="1" applyAlignment="1">
      <alignment horizontal="center" vertical="top" textRotation="255" wrapText="1"/>
    </xf>
    <xf numFmtId="38" fontId="6" fillId="3" borderId="44" xfId="1" applyFont="1" applyFill="1" applyBorder="1" applyAlignment="1">
      <alignment horizontal="center" vertical="top" textRotation="255" wrapText="1"/>
    </xf>
    <xf numFmtId="38" fontId="6" fillId="3" borderId="45" xfId="1" applyFont="1" applyFill="1" applyBorder="1" applyAlignment="1">
      <alignment horizontal="center" vertical="top" textRotation="255" wrapText="1"/>
    </xf>
    <xf numFmtId="38" fontId="6" fillId="3" borderId="46" xfId="1" applyFont="1" applyFill="1" applyBorder="1" applyAlignment="1">
      <alignment horizontal="center" vertical="top" textRotation="255" wrapText="1"/>
    </xf>
    <xf numFmtId="38" fontId="6" fillId="3" borderId="47" xfId="1" applyFont="1" applyFill="1" applyBorder="1" applyAlignment="1">
      <alignment horizontal="distributed" vertical="center" wrapText="1" justifyLastLine="1"/>
    </xf>
    <xf numFmtId="38" fontId="6" fillId="3" borderId="48" xfId="1" applyFont="1" applyFill="1" applyBorder="1" applyAlignment="1">
      <alignment horizontal="distributed" vertical="center" wrapText="1" justifyLastLine="1"/>
    </xf>
    <xf numFmtId="38" fontId="6" fillId="3" borderId="49" xfId="1" applyFont="1" applyFill="1" applyBorder="1" applyAlignment="1">
      <alignment horizontal="distributed" vertical="top" textRotation="255" wrapText="1"/>
    </xf>
    <xf numFmtId="38" fontId="6" fillId="3" borderId="44" xfId="1" applyFont="1" applyFill="1" applyBorder="1" applyAlignment="1">
      <alignment horizontal="distributed" vertical="top" textRotation="255" wrapText="1"/>
    </xf>
    <xf numFmtId="38" fontId="6" fillId="3" borderId="45" xfId="1" applyFont="1" applyFill="1" applyBorder="1" applyAlignment="1">
      <alignment horizontal="distributed" vertical="top" textRotation="255" wrapText="1"/>
    </xf>
    <xf numFmtId="38" fontId="8" fillId="3" borderId="45" xfId="1" applyFont="1" applyFill="1" applyBorder="1" applyAlignment="1">
      <alignment horizontal="center" vertical="top" textRotation="255" wrapText="1"/>
    </xf>
    <xf numFmtId="38" fontId="6" fillId="3" borderId="50" xfId="1" applyFont="1" applyFill="1" applyBorder="1" applyAlignment="1">
      <alignment horizontal="center" vertical="top" textRotation="255" wrapText="1"/>
    </xf>
    <xf numFmtId="38" fontId="7" fillId="3" borderId="51" xfId="1" applyFont="1" applyFill="1" applyBorder="1" applyAlignment="1">
      <alignment horizontal="center" vertical="top" textRotation="255" wrapText="1"/>
    </xf>
    <xf numFmtId="38" fontId="7" fillId="3" borderId="52" xfId="1" applyFont="1" applyFill="1" applyBorder="1" applyAlignment="1">
      <alignment horizontal="left" vertical="top" textRotation="255" wrapText="1"/>
    </xf>
    <xf numFmtId="38" fontId="6" fillId="3" borderId="53" xfId="1" applyFont="1" applyFill="1" applyBorder="1" applyAlignment="1">
      <alignment horizontal="center" vertical="top" textRotation="255" wrapText="1"/>
    </xf>
    <xf numFmtId="38" fontId="6" fillId="3" borderId="54" xfId="1" applyFont="1" applyFill="1" applyBorder="1" applyAlignment="1">
      <alignment horizontal="center" vertical="top" textRotation="255" wrapText="1"/>
    </xf>
    <xf numFmtId="38" fontId="6" fillId="3" borderId="55" xfId="1" applyFont="1" applyFill="1" applyBorder="1" applyAlignment="1">
      <alignment horizontal="center" vertical="top" textRotation="255" wrapText="1"/>
    </xf>
    <xf numFmtId="38" fontId="6" fillId="3" borderId="56" xfId="1" applyFont="1" applyFill="1" applyBorder="1" applyAlignment="1">
      <alignment horizontal="center" vertical="top" textRotation="255" wrapText="1"/>
    </xf>
    <xf numFmtId="38" fontId="7" fillId="3" borderId="55" xfId="1" applyFont="1" applyFill="1" applyBorder="1" applyAlignment="1">
      <alignment horizontal="center" vertical="top" textRotation="255" wrapText="1"/>
    </xf>
    <xf numFmtId="38" fontId="7" fillId="3" borderId="57" xfId="1" applyFont="1" applyFill="1" applyBorder="1" applyAlignment="1">
      <alignment vertical="top" textRotation="255" wrapText="1"/>
    </xf>
    <xf numFmtId="38" fontId="7" fillId="3" borderId="58" xfId="1" applyFont="1" applyFill="1" applyBorder="1" applyAlignment="1">
      <alignment horizontal="center" vertical="center" textRotation="255" wrapText="1" justifyLastLine="1"/>
    </xf>
    <xf numFmtId="38" fontId="6" fillId="3" borderId="59" xfId="1" applyFont="1" applyFill="1" applyBorder="1" applyAlignment="1">
      <alignment horizontal="center" vertical="top" textRotation="255" wrapText="1"/>
    </xf>
    <xf numFmtId="38" fontId="7" fillId="3" borderId="50" xfId="1" applyFont="1" applyFill="1" applyBorder="1" applyAlignment="1">
      <alignment horizontal="center" vertical="top" textRotation="255" wrapText="1"/>
    </xf>
    <xf numFmtId="38" fontId="9" fillId="3" borderId="50" xfId="1" applyFont="1" applyFill="1" applyBorder="1" applyAlignment="1">
      <alignment horizontal="center" vertical="top" textRotation="255" wrapText="1"/>
    </xf>
    <xf numFmtId="38" fontId="10" fillId="3" borderId="29" xfId="1" applyFont="1" applyFill="1" applyBorder="1" applyAlignment="1">
      <alignment horizontal="center" vertical="top" textRotation="255" wrapText="1"/>
    </xf>
    <xf numFmtId="38" fontId="11" fillId="3" borderId="50" xfId="1" applyFont="1" applyFill="1" applyBorder="1" applyAlignment="1">
      <alignment horizontal="center" vertical="top" textRotation="255" wrapText="1"/>
    </xf>
    <xf numFmtId="38" fontId="12" fillId="3" borderId="53" xfId="1" applyFont="1" applyFill="1" applyBorder="1" applyAlignment="1">
      <alignment horizontal="center" vertical="top" textRotation="255" wrapText="1"/>
    </xf>
    <xf numFmtId="38" fontId="6" fillId="3" borderId="60" xfId="1" applyFont="1" applyFill="1" applyBorder="1" applyAlignment="1">
      <alignment horizontal="center" vertical="top" wrapText="1"/>
    </xf>
    <xf numFmtId="38" fontId="6" fillId="3" borderId="29" xfId="1" applyFont="1" applyFill="1" applyBorder="1" applyAlignment="1">
      <alignment horizontal="center" vertical="top" wrapText="1"/>
    </xf>
    <xf numFmtId="38" fontId="13" fillId="3" borderId="29" xfId="1" applyFont="1" applyFill="1" applyBorder="1" applyAlignment="1">
      <alignment horizontal="center" vertical="top" textRotation="255" wrapText="1"/>
    </xf>
    <xf numFmtId="38" fontId="12" fillId="3" borderId="29" xfId="1" applyFont="1" applyFill="1" applyBorder="1" applyAlignment="1">
      <alignment horizontal="center" vertical="top" textRotation="255" wrapText="1"/>
    </xf>
    <xf numFmtId="38" fontId="6" fillId="3" borderId="39" xfId="1" applyFont="1" applyFill="1" applyBorder="1" applyAlignment="1">
      <alignment horizontal="distributed" vertical="center" wrapText="1" justifyLastLine="1"/>
    </xf>
    <xf numFmtId="38" fontId="6" fillId="3" borderId="41" xfId="1" applyFont="1" applyFill="1" applyBorder="1" applyAlignment="1">
      <alignment horizontal="distributed" vertical="center" wrapText="1" justifyLastLine="1"/>
    </xf>
    <xf numFmtId="38" fontId="2" fillId="4" borderId="2" xfId="1" applyFont="1" applyFill="1" applyBorder="1" applyAlignment="1">
      <alignment horizontal="distributed" vertical="center" justifyLastLine="1"/>
    </xf>
    <xf numFmtId="41" fontId="14" fillId="4" borderId="3" xfId="1" applyNumberFormat="1" applyFont="1" applyFill="1" applyBorder="1" applyAlignment="1">
      <alignment vertical="center"/>
    </xf>
    <xf numFmtId="41" fontId="14" fillId="4" borderId="61" xfId="1" applyNumberFormat="1" applyFont="1" applyFill="1" applyBorder="1" applyAlignment="1">
      <alignment vertical="center"/>
    </xf>
    <xf numFmtId="41" fontId="14" fillId="4" borderId="18" xfId="1" applyNumberFormat="1" applyFont="1" applyFill="1" applyBorder="1" applyAlignment="1">
      <alignment vertical="center"/>
    </xf>
    <xf numFmtId="41" fontId="14" fillId="4" borderId="62" xfId="1" applyNumberFormat="1" applyFont="1" applyFill="1" applyBorder="1" applyAlignment="1">
      <alignment vertical="center"/>
    </xf>
    <xf numFmtId="41" fontId="14" fillId="4" borderId="63" xfId="1" applyNumberFormat="1" applyFont="1" applyFill="1" applyBorder="1" applyAlignment="1">
      <alignment vertical="center"/>
    </xf>
    <xf numFmtId="41" fontId="14" fillId="4" borderId="44" xfId="1" applyNumberFormat="1" applyFont="1" applyFill="1" applyBorder="1" applyAlignment="1">
      <alignment vertical="center"/>
    </xf>
    <xf numFmtId="41" fontId="14" fillId="4" borderId="19" xfId="1" applyNumberFormat="1" applyFont="1" applyFill="1" applyBorder="1" applyAlignment="1">
      <alignment vertical="center"/>
    </xf>
    <xf numFmtId="41" fontId="14" fillId="4" borderId="49" xfId="1" applyNumberFormat="1" applyFont="1" applyFill="1" applyBorder="1" applyAlignment="1">
      <alignment vertical="center"/>
    </xf>
    <xf numFmtId="41" fontId="14" fillId="4" borderId="64" xfId="1" applyNumberFormat="1" applyFont="1" applyFill="1" applyBorder="1" applyAlignment="1">
      <alignment vertical="center"/>
    </xf>
    <xf numFmtId="41" fontId="14" fillId="4" borderId="65" xfId="1" applyNumberFormat="1" applyFont="1" applyFill="1" applyBorder="1" applyAlignment="1">
      <alignment vertical="center"/>
    </xf>
    <xf numFmtId="41" fontId="14" fillId="4" borderId="66" xfId="1" applyNumberFormat="1" applyFont="1" applyFill="1" applyBorder="1" applyAlignment="1">
      <alignment vertical="center"/>
    </xf>
    <xf numFmtId="38" fontId="2" fillId="4" borderId="67" xfId="1" applyFont="1" applyFill="1" applyBorder="1" applyAlignment="1">
      <alignment horizontal="distributed" vertical="center" justifyLastLine="1"/>
    </xf>
    <xf numFmtId="41" fontId="14" fillId="4" borderId="68" xfId="1" applyNumberFormat="1" applyFont="1" applyFill="1" applyBorder="1" applyAlignment="1">
      <alignment vertical="center"/>
    </xf>
    <xf numFmtId="41" fontId="14" fillId="4" borderId="69" xfId="1" applyNumberFormat="1" applyFont="1" applyFill="1" applyBorder="1" applyAlignment="1">
      <alignment vertical="center"/>
    </xf>
    <xf numFmtId="41" fontId="14" fillId="4" borderId="70" xfId="1" applyNumberFormat="1" applyFont="1" applyFill="1" applyBorder="1" applyAlignment="1">
      <alignment vertical="center"/>
    </xf>
    <xf numFmtId="41" fontId="14" fillId="4" borderId="71" xfId="1" applyNumberFormat="1" applyFont="1" applyFill="1" applyBorder="1" applyAlignment="1">
      <alignment vertical="center"/>
    </xf>
    <xf numFmtId="41" fontId="14" fillId="4" borderId="72" xfId="1" applyNumberFormat="1" applyFont="1" applyFill="1" applyBorder="1" applyAlignment="1">
      <alignment vertical="center"/>
    </xf>
    <xf numFmtId="41" fontId="14" fillId="4" borderId="73" xfId="1" applyNumberFormat="1" applyFont="1" applyFill="1" applyBorder="1" applyAlignment="1">
      <alignment vertical="center"/>
    </xf>
    <xf numFmtId="41" fontId="14" fillId="4" borderId="74" xfId="1" applyNumberFormat="1" applyFont="1" applyFill="1" applyBorder="1" applyAlignment="1">
      <alignment vertical="center"/>
    </xf>
    <xf numFmtId="41" fontId="14" fillId="4" borderId="17" xfId="1" applyNumberFormat="1" applyFont="1" applyFill="1" applyBorder="1" applyAlignment="1">
      <alignment vertical="center"/>
    </xf>
    <xf numFmtId="41" fontId="14" fillId="4" borderId="75" xfId="1" applyNumberFormat="1" applyFont="1" applyFill="1" applyBorder="1" applyAlignment="1">
      <alignment vertical="center"/>
    </xf>
    <xf numFmtId="41" fontId="14" fillId="4" borderId="20" xfId="1" applyNumberFormat="1" applyFont="1" applyFill="1" applyBorder="1" applyAlignment="1">
      <alignment vertical="center"/>
    </xf>
    <xf numFmtId="41" fontId="14" fillId="4" borderId="76" xfId="1" applyNumberFormat="1" applyFont="1" applyFill="1" applyBorder="1" applyAlignment="1">
      <alignment vertical="center"/>
    </xf>
    <xf numFmtId="41" fontId="14" fillId="4" borderId="77" xfId="1" applyNumberFormat="1" applyFont="1" applyFill="1" applyBorder="1" applyAlignment="1">
      <alignment vertical="center"/>
    </xf>
    <xf numFmtId="41" fontId="14" fillId="4" borderId="78" xfId="1" applyNumberFormat="1" applyFont="1" applyFill="1" applyBorder="1" applyAlignment="1">
      <alignment vertical="center"/>
    </xf>
    <xf numFmtId="38" fontId="2" fillId="2" borderId="23" xfId="1" applyFont="1" applyFill="1" applyBorder="1" applyAlignment="1">
      <alignment vertical="center"/>
    </xf>
    <xf numFmtId="41" fontId="14" fillId="4" borderId="24" xfId="1" applyNumberFormat="1" applyFont="1" applyFill="1" applyBorder="1" applyAlignment="1">
      <alignment vertical="center"/>
    </xf>
    <xf numFmtId="41" fontId="2" fillId="0" borderId="79" xfId="1" applyNumberFormat="1" applyFont="1" applyFill="1" applyBorder="1" applyAlignment="1">
      <alignment vertical="center"/>
    </xf>
    <xf numFmtId="41" fontId="2" fillId="0" borderId="33" xfId="1" applyNumberFormat="1" applyFont="1" applyFill="1" applyBorder="1" applyAlignment="1">
      <alignment vertical="center"/>
    </xf>
    <xf numFmtId="41" fontId="2" fillId="0" borderId="80" xfId="1" applyNumberFormat="1" applyFont="1" applyFill="1" applyBorder="1" applyAlignment="1">
      <alignment vertical="center"/>
    </xf>
    <xf numFmtId="41" fontId="2" fillId="0" borderId="32" xfId="1" applyNumberFormat="1" applyFont="1" applyFill="1" applyBorder="1" applyAlignment="1">
      <alignment vertical="center"/>
    </xf>
    <xf numFmtId="41" fontId="2" fillId="0" borderId="81" xfId="1" applyNumberFormat="1" applyFont="1" applyFill="1" applyBorder="1" applyAlignment="1">
      <alignment vertical="center"/>
    </xf>
    <xf numFmtId="41" fontId="2" fillId="0" borderId="82" xfId="1" applyNumberFormat="1" applyFont="1" applyFill="1" applyBorder="1" applyAlignment="1">
      <alignment vertical="center"/>
    </xf>
    <xf numFmtId="41" fontId="2" fillId="0" borderId="83" xfId="1" applyNumberFormat="1" applyFont="1" applyFill="1" applyBorder="1" applyAlignment="1">
      <alignment vertical="center"/>
    </xf>
    <xf numFmtId="38" fontId="2" fillId="2" borderId="84" xfId="1" applyFont="1" applyFill="1" applyBorder="1" applyAlignment="1">
      <alignment vertical="center"/>
    </xf>
    <xf numFmtId="41" fontId="14" fillId="4" borderId="85" xfId="1" applyNumberFormat="1" applyFont="1" applyFill="1" applyBorder="1" applyAlignment="1">
      <alignment vertical="center"/>
    </xf>
    <xf numFmtId="41" fontId="2" fillId="0" borderId="0" xfId="1" applyNumberFormat="1" applyFont="1" applyFill="1" applyBorder="1" applyAlignment="1">
      <alignment vertical="center"/>
    </xf>
    <xf numFmtId="41" fontId="2" fillId="0" borderId="64" xfId="1" applyNumberFormat="1" applyFont="1" applyFill="1" applyBorder="1" applyAlignment="1">
      <alignment vertical="center"/>
    </xf>
    <xf numFmtId="41" fontId="2" fillId="0" borderId="23" xfId="1" applyNumberFormat="1" applyFont="1" applyFill="1" applyBorder="1" applyAlignment="1">
      <alignment vertical="center"/>
    </xf>
    <xf numFmtId="38" fontId="2" fillId="2" borderId="81" xfId="1" applyFont="1" applyFill="1" applyBorder="1" applyAlignment="1">
      <alignment vertical="center"/>
    </xf>
    <xf numFmtId="41" fontId="14" fillId="4" borderId="86" xfId="1" applyNumberFormat="1" applyFont="1" applyFill="1" applyBorder="1" applyAlignment="1">
      <alignment vertical="center"/>
    </xf>
    <xf numFmtId="38" fontId="2" fillId="2" borderId="58" xfId="1" applyFont="1" applyFill="1" applyBorder="1" applyAlignment="1">
      <alignment vertical="center"/>
    </xf>
    <xf numFmtId="41" fontId="14" fillId="4" borderId="87" xfId="1" applyNumberFormat="1" applyFont="1" applyFill="1" applyBorder="1" applyAlignment="1">
      <alignment vertical="center"/>
    </xf>
    <xf numFmtId="41" fontId="2" fillId="0" borderId="1" xfId="1" applyNumberFormat="1" applyFont="1" applyFill="1" applyBorder="1" applyAlignment="1">
      <alignment vertical="center"/>
    </xf>
    <xf numFmtId="41" fontId="2" fillId="0" borderId="88" xfId="1" applyNumberFormat="1" applyFont="1" applyFill="1" applyBorder="1" applyAlignment="1">
      <alignment vertical="center"/>
    </xf>
    <xf numFmtId="41" fontId="2" fillId="0" borderId="89" xfId="1" applyNumberFormat="1" applyFont="1" applyFill="1" applyBorder="1" applyAlignment="1">
      <alignment vertical="center"/>
    </xf>
    <xf numFmtId="38" fontId="2" fillId="4" borderId="23" xfId="1" applyFont="1" applyFill="1" applyBorder="1" applyAlignment="1">
      <alignment horizontal="distributed" vertical="center" justifyLastLine="1"/>
    </xf>
    <xf numFmtId="41" fontId="14" fillId="4" borderId="43" xfId="1" applyNumberFormat="1" applyFont="1" applyFill="1" applyBorder="1" applyAlignment="1">
      <alignment vertical="center"/>
    </xf>
    <xf numFmtId="41" fontId="14" fillId="4" borderId="53" xfId="1" applyNumberFormat="1" applyFont="1" applyFill="1" applyBorder="1" applyAlignment="1">
      <alignment vertical="center"/>
    </xf>
    <xf numFmtId="38" fontId="2" fillId="4" borderId="90" xfId="1" applyFont="1" applyFill="1" applyBorder="1" applyAlignment="1">
      <alignment horizontal="distributed" vertical="center" justifyLastLine="1"/>
    </xf>
    <xf numFmtId="41" fontId="14" fillId="4" borderId="91" xfId="1" applyNumberFormat="1" applyFont="1" applyFill="1" applyBorder="1" applyAlignment="1">
      <alignment vertical="center"/>
    </xf>
    <xf numFmtId="41" fontId="14" fillId="4" borderId="92" xfId="1" applyNumberFormat="1" applyFont="1" applyFill="1" applyBorder="1" applyAlignment="1">
      <alignment vertical="center"/>
    </xf>
    <xf numFmtId="41" fontId="14" fillId="4" borderId="93" xfId="1" applyNumberFormat="1" applyFont="1" applyFill="1" applyBorder="1" applyAlignment="1">
      <alignment vertical="center"/>
    </xf>
    <xf numFmtId="41" fontId="14" fillId="4" borderId="94" xfId="1" applyNumberFormat="1" applyFont="1" applyFill="1" applyBorder="1" applyAlignment="1">
      <alignment vertical="center"/>
    </xf>
    <xf numFmtId="41" fontId="14" fillId="4" borderId="95" xfId="1" applyNumberFormat="1" applyFont="1" applyFill="1" applyBorder="1" applyAlignment="1">
      <alignment vertical="center"/>
    </xf>
    <xf numFmtId="41" fontId="14" fillId="4" borderId="96" xfId="1" applyNumberFormat="1" applyFont="1" applyFill="1" applyBorder="1" applyAlignment="1">
      <alignment vertical="center"/>
    </xf>
    <xf numFmtId="41" fontId="14" fillId="4" borderId="97" xfId="1" applyNumberFormat="1" applyFont="1" applyFill="1" applyBorder="1" applyAlignment="1">
      <alignment vertical="center"/>
    </xf>
    <xf numFmtId="41" fontId="2" fillId="0" borderId="98" xfId="1" applyNumberFormat="1" applyFont="1" applyFill="1" applyBorder="1" applyAlignment="1">
      <alignment vertical="center"/>
    </xf>
    <xf numFmtId="41" fontId="2" fillId="0" borderId="58" xfId="1" applyNumberFormat="1" applyFont="1" applyFill="1" applyBorder="1" applyAlignment="1">
      <alignment vertical="center"/>
    </xf>
    <xf numFmtId="38" fontId="2" fillId="2" borderId="0" xfId="1" applyFont="1" applyFill="1" applyBorder="1" applyAlignment="1">
      <alignment vertical="center"/>
    </xf>
    <xf numFmtId="38" fontId="5" fillId="0" borderId="0" xfId="1" applyNumberFormat="1" applyFont="1" applyFill="1" applyAlignment="1">
      <alignment vertical="center"/>
    </xf>
    <xf numFmtId="38" fontId="2" fillId="0" borderId="0" xfId="1" applyFont="1" applyFill="1" applyBorder="1" applyAlignment="1">
      <alignment vertical="center"/>
    </xf>
    <xf numFmtId="38" fontId="2" fillId="0" borderId="0" xfId="1" applyFont="1" applyFill="1" applyBorder="1" applyAlignment="1">
      <alignment vertical="center"/>
    </xf>
    <xf numFmtId="38" fontId="2" fillId="2" borderId="0" xfId="1" applyFont="1" applyFill="1" applyBorder="1" applyAlignment="1">
      <alignment vertical="center"/>
    </xf>
    <xf numFmtId="38" fontId="2" fillId="2" borderId="0" xfId="1" applyNumberFormat="1" applyFont="1" applyFill="1" applyAlignment="1">
      <alignment vertical="center"/>
    </xf>
  </cellXfs>
  <cellStyles count="2">
    <cellStyle name="桁区切り" xfId="1" builtinId="6"/>
    <cellStyle name="標準" xfId="0" builtinId="0"/>
  </cellStyles>
  <dxfs count="276">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 Type="http://schemas.openxmlformats.org/officeDocument/2006/relationships/externalLink" Target="externalLinks/externalLink2.xml"/><Relationship Id="rId21" Type="http://schemas.openxmlformats.org/officeDocument/2006/relationships/theme" Target="theme/theme1.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calcChain" Target="calcChain.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sharedStrings" Target="sharedStrings.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08&#12304;&#32190;&#28716;&#24066;&#12305;R3&#31119;&#31049;&#34892;&#25919;&#22577;&#21578;&#20363;\&#12304;&#32190;&#28716;&#24066;&#12305;&#65288;&#65297;&#65289;180&#65288;&#20870;&#21336;&#20301;&#65289;&#65288;&#20196;&#21644;&#65299;&#24180;&#24230;&#12539;&#20445;&#35703;&#12394;&#12375;&#65289;.xlsx"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30&#12304;&#38283;&#25104;&#30010;&#12305;R3&#31119;&#31049;&#34892;&#25919;&#22577;&#21578;&#20363;\&#12304;&#38283;&#25104;&#30010;&#12305;&#65288;&#65297;&#65289;180&#65288;&#20870;&#21336;&#20301;&#65289;&#65288;&#20196;&#21644;&#65299;&#24180;&#24230;&#12539;&#20445;&#35703;&#12394;&#12375;&#65289;.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31&#12304;&#31665;&#26681;&#30010;&#12305;R3&#31119;&#31049;&#34892;&#25919;&#22577;&#21578;&#20363;\&#12304;&#31665;&#26681;&#30010;&#12305;&#65288;&#65297;&#65289;180&#65288;&#20870;&#21336;&#20301;&#65289;&#65288;&#20196;&#21644;&#65299;&#24180;&#24230;&#12539;&#20445;&#35703;&#12394;&#12375;&#6528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32&#12304;&#30495;&#40372;&#30010;&#12305;R3&#31119;&#31049;&#34892;&#25919;&#22577;&#21578;&#20363;\&#12304;&#30495;&#40372;&#30010;&#12305;&#65288;&#65297;&#65289;180&#65288;&#20870;&#21336;&#20301;&#65289;&#65288;&#20196;&#21644;&#65299;&#24180;&#24230;&#12539;&#20445;&#35703;&#12394;&#12375;&#65289;.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33&#12304;&#28271;&#27827;&#21407;&#30010;&#12305;R3&#31119;&#31049;&#34892;&#25919;&#22577;&#21578;&#20363;\&#12304;&#28271;&#27827;&#21407;&#30010;&#12305;&#65288;&#65297;&#65289;180&#65288;&#20870;&#21336;&#20301;&#65289;&#65288;&#20196;&#21644;&#65299;&#24180;&#24230;&#12539;&#20445;&#35703;&#12394;&#12375;&#65289;&#22238;&#31572;.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09&#12304;&#24859;&#24029;&#30010;&#12305;R3&#31119;&#31049;&#34892;&#25919;&#22577;&#21578;&#20363;\&#12304;&#24859;&#24029;&#30010;&#12305;&#65288;&#65297;&#65289;180&#65288;&#20870;&#21336;&#20301;&#65289;&#65288;&#20196;&#21644;&#65299;&#24180;&#24230;&#12539;&#20445;&#35703;&#12394;&#12375;&#65289;.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10&#12304;&#28165;&#24029;&#26449;&#12305;R3&#31119;&#31049;&#34892;&#25919;&#22577;&#21578;&#20363;\&#12304;&#28165;&#24029;&#26449;&#12305;&#65288;&#65297;&#65289;180&#65288;&#20870;&#21336;&#20301;&#65289;&#65288;&#20196;&#21644;&#65299;&#24180;&#24230;&#12539;&#20445;&#35703;&#12394;&#12375;&#65289;.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04_&#12383;&#12400;&#12371;&#23550;&#31574;G/03_&#21402;&#29983;&#32113;&#35336;/11_&#32113;&#35336;&#36039;&#26009;/02_&#31119;&#31049;&#32113;&#35336;/06_&#32113;&#21512;&#29256;&#12304;&#23436;&#25104;&#29256;&#12305;/05_&#38556;&#23475;&#20816;&#32773;&#31119;&#31049;.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Chiho159803\&#20849;&#26377;\&#20445;&#20581;&#31119;&#31049;&#24773;&#22577;&#29677;\&#31038;&#20250;&#31119;&#31049;&#32113;&#35336;&#31561;\&#30740;&#20462;&#21729;&#12501;&#12457;&#12523;&#12480;\18&#24180;&#24230;&#20998;&#25285;&#20107;&#21209;\&#20874;&#23376;&#38306;&#20418;\H18&#31119;&#31049;&#32113;&#35336;(H17&#20998;)\&#38556;&#23475;&#31119;&#31049;&#35506;\05&#32113;&#35336;\17&#24180;&#24230;\H17&#30693;&#30340;&#38556;&#23475;&#32773;&#65288;&#38598;&#35336;&#12522;&#12531;&#12463;&#65289;.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chiho159803\&#20849;&#26377;\My%20Documents\07&#31572;&#24321;\02&#32113;&#35336;\2-1-5&#37325;&#24515;&#33258;&#38281;.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L6x4kyuc99s0\&#22823;&#33251;&#23448;&#25151;&#32113;&#35336;&#24773;&#22577;&#37096;&#31038;&#20250;&#32113;&#35336;&#35506;\ktq\&#31119;&#31049;&#65299;&#65288;&#31038;&#20250;&#31119;&#31049;&#32113;&#35336;&#31532;&#65299;&#20418;&#65289;\h17&#12456;&#12463;&#12475;&#12523;&#12471;&#12540;&#12488;\1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15&#12304;&#33865;&#23665;&#30010;&#12305;R3&#31119;&#31049;&#34892;&#25919;&#22577;&#21578;&#20363;\&#12304;&#33865;&#23665;&#30010;&#12305;&#65288;&#65297;&#65289;180&#65288;&#20870;&#21336;&#20301;&#65289;&#65288;&#20196;&#21644;&#65299;&#24180;&#24230;&#12539;&#20445;&#35703;&#12394;&#12375;&#65289;.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1&#12304;&#23506;&#24029;&#30010;&#12305;R3&#31119;&#31049;&#34892;&#25919;&#22577;&#21578;&#20363;\&#12304;&#23506;&#24029;&#30010;&#12305;&#65288;&#65297;&#65289;180&#65288;&#20870;&#21336;&#20301;&#65289;&#65288;&#20196;&#21644;&#65299;&#24180;&#24230;&#12539;&#20445;&#35703;&#12394;&#12375;&#65289;.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2&#12304;&#22823;&#30959;&#30010;&#12305;R3&#31119;&#31049;&#34892;&#25919;&#22577;&#21578;&#20363;\&#12304;&#22823;&#30959;&#30010;&#12305;&#65288;&#65297;&#65289;180&#65288;&#20870;&#21336;&#20301;&#65289;&#65288;&#20196;&#21644;&#65299;&#24180;&#24230;&#12539;&#20445;&#35703;&#12394;&#12375;&#6528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3&#12304;&#20108;&#23470;&#30010;&#12305;R3&#31119;&#31049;&#34892;&#25919;&#22577;&#21578;&#20363;\&#12304;&#20108;&#23470;&#30010;&#12305;&#65288;&#65297;&#65289;180&#65288;&#20870;&#21336;&#20301;&#65289;&#65288;&#20196;&#21644;&#65299;&#24180;&#24230;&#12539;&#20445;&#35703;&#12394;&#12375;&#65289;.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6&#12304;&#20013;&#20117;&#30010;&#12305;R3&#31119;&#31049;&#34892;&#25919;&#22577;&#21578;&#20363;\&#12304;&#20013;&#20117;&#30010;&#12305;&#65288;&#65297;&#65289;180&#65288;&#20870;&#21336;&#20301;&#65289;&#65288;&#20196;&#21644;&#65299;&#24180;&#24230;&#12539;&#20445;&#35703;&#12394;&#12375;&#65289;.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7&#12304;&#22823;&#20117;&#30010;&#12305;R3&#31119;&#31049;&#34892;&#25919;&#22577;&#21578;&#20363;\&#12304;&#22823;&#20117;&#30010;&#12305;&#65288;&#65297;&#65289;180&#65288;&#20870;&#21336;&#20301;&#65289;&#65288;&#20196;&#21644;&#65299;&#24180;&#24230;&#12539;&#20445;&#35703;&#12394;&#12375;&#65289;.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8&#12304;&#26494;&#30000;&#30010;&#12305;R3&#31119;&#31049;&#34892;&#25919;&#22577;&#21578;&#20363;\&#12304;&#26494;&#30000;&#30010;&#12305;&#65288;&#65297;&#65289;180&#65288;&#20870;&#21336;&#20301;&#65289;&#65288;&#20196;&#21644;&#65299;&#24180;&#24230;&#12539;&#20445;&#35703;&#12394;&#12375;&#65289;.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9&#12304;&#23665;&#21271;&#30010;&#12305;R3&#31119;&#31049;&#34892;&#25919;&#22577;&#21578;&#20363;\&#12304;&#23665;&#21271;&#30010;&#12305;&#65288;&#65297;&#65289;180&#65288;&#20870;&#21336;&#20301;&#65289;&#65288;&#20196;&#21644;&#65299;&#24180;&#24230;&#12539;&#20445;&#35703;&#12394;&#12375;&#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08綾瀬18"/>
    </sheetNames>
    <sheetDataSet>
      <sheetData sheetId="0"/>
      <sheetData sheetId="1"/>
      <sheetData sheetId="2"/>
      <sheetData sheetId="3"/>
      <sheetData sheetId="4"/>
      <sheetData sheetId="5"/>
      <sheetData sheetId="6"/>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30開成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31箱根18"/>
    </sheetNames>
    <sheetDataSet>
      <sheetData sheetId="0"/>
      <sheetData sheetId="1"/>
      <sheetData sheetId="2"/>
      <sheetData sheetId="3"/>
      <sheetData sheetId="4"/>
      <sheetData sheetId="5"/>
      <sheetData sheetId="6"/>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32真鶴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都道府県・指定都市・中核市"/>
      <sheetName val="02180"/>
      <sheetName val="33湯河原18"/>
      <sheetName val="M18表"/>
      <sheetName val="180"/>
      <sheetName val="LastVal180"/>
    </sheetNames>
    <sheetDataSet>
      <sheetData sheetId="0"/>
      <sheetData sheetId="1"/>
      <sheetData sheetId="2"/>
      <sheetData sheetId="3"/>
      <sheetData sheetId="4"/>
      <sheetData sheetId="5"/>
      <sheetData sheetId="6"/>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09愛川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10清川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5障害児者福祉　目次"/>
      <sheetName val="5ｰ1"/>
      <sheetName val="5ｰ2"/>
      <sheetName val="5-3"/>
      <sheetName val="5-4"/>
      <sheetName val="5-5"/>
      <sheetName val="5-6"/>
      <sheetName val="5-7"/>
      <sheetName val="5-8"/>
      <sheetName val="5-9"/>
      <sheetName val="5-10"/>
      <sheetName val="5-11"/>
      <sheetName val="5-12"/>
      <sheetName val="5-13"/>
      <sheetName val="5-14"/>
      <sheetName val="5-15"/>
      <sheetName val="5-16"/>
      <sheetName val="5-17"/>
      <sheetName val="5-18"/>
      <sheetName val="5-19"/>
      <sheetName val="5-20 "/>
      <sheetName val="5-21 "/>
      <sheetName val="5-22"/>
      <sheetName val="5-2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知的障害者把握数（基礎データ入力ファイル）"/>
      <sheetName val="2-(1)-1"/>
      <sheetName val="重心自閉2-(1)-2"/>
      <sheetName val="推移表2-（1）-3"/>
      <sheetName val="部長答弁"/>
      <sheetName val="作業用親の会"/>
      <sheetName val="福祉行政の概要（知的）"/>
      <sheetName val="5ｰ1（児）表(福祉統計)"/>
      <sheetName val="5ｰ2（重心）表 (福祉統計)"/>
      <sheetName val="5ｰ3（者）表 (福祉統計) "/>
      <sheetName val="厚生労働調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重心自閉(H11)"/>
      <sheetName val="重心自閉(H12) "/>
      <sheetName val="重心自閉(H13)"/>
      <sheetName val="重心自閉(H14)"/>
      <sheetName val="作業用親の会"/>
    </sheetNames>
    <sheetDataSet>
      <sheetData sheetId="0" refreshError="1"/>
      <sheetData sheetId="1" refreshError="1"/>
      <sheetData sheetId="2" refreshError="1"/>
      <sheetData sheetId="3" refreshError="1"/>
      <sheetData sheetId="4"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3表"/>
      <sheetName val="130"/>
      <sheetName val="都道府県・指定都市・中核市"/>
    </sheetNames>
    <sheetDataSet>
      <sheetData sheetId="0">
        <row r="13">
          <cell r="E13">
            <v>0</v>
          </cell>
          <cell r="F13">
            <v>0</v>
          </cell>
          <cell r="G13">
            <v>4</v>
          </cell>
          <cell r="H13">
            <v>0</v>
          </cell>
          <cell r="I13">
            <v>0</v>
          </cell>
          <cell r="J13">
            <v>0</v>
          </cell>
        </row>
        <row r="14">
          <cell r="E14">
            <v>0</v>
          </cell>
          <cell r="F14">
            <v>4</v>
          </cell>
          <cell r="G14">
            <v>4</v>
          </cell>
          <cell r="H14">
            <v>0</v>
          </cell>
          <cell r="I14">
            <v>0</v>
          </cell>
          <cell r="J14">
            <v>0</v>
          </cell>
        </row>
        <row r="15">
          <cell r="E15">
            <v>0</v>
          </cell>
          <cell r="F15">
            <v>0</v>
          </cell>
          <cell r="G15">
            <v>4</v>
          </cell>
          <cell r="H15">
            <v>0</v>
          </cell>
          <cell r="I15">
            <v>0</v>
          </cell>
          <cell r="J15">
            <v>0</v>
          </cell>
        </row>
        <row r="16">
          <cell r="E16">
            <v>0</v>
          </cell>
          <cell r="F16">
            <v>0</v>
          </cell>
          <cell r="G16">
            <v>4</v>
          </cell>
          <cell r="H16">
            <v>0</v>
          </cell>
          <cell r="I16">
            <v>0</v>
          </cell>
          <cell r="J16">
            <v>0</v>
          </cell>
        </row>
        <row r="17">
          <cell r="E17">
            <v>0</v>
          </cell>
          <cell r="F17">
            <v>0</v>
          </cell>
          <cell r="G17">
            <v>4</v>
          </cell>
          <cell r="H17">
            <v>0</v>
          </cell>
          <cell r="I17">
            <v>0</v>
          </cell>
          <cell r="J17">
            <v>0</v>
          </cell>
        </row>
        <row r="18">
          <cell r="E18">
            <v>0</v>
          </cell>
          <cell r="F18">
            <v>0</v>
          </cell>
          <cell r="G18">
            <v>20</v>
          </cell>
          <cell r="H18">
            <v>0</v>
          </cell>
          <cell r="I18">
            <v>0</v>
          </cell>
          <cell r="J18">
            <v>0</v>
          </cell>
        </row>
      </sheetData>
      <sheetData sheetId="1"/>
      <sheetData sheetId="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都道府県・指定都市・中核市"/>
      <sheetName val="15葉山18"/>
      <sheetName val="M18表"/>
      <sheetName val="180"/>
      <sheetName val="LastVal180"/>
    </sheetNames>
    <sheetDataSet>
      <sheetData sheetId="0"/>
      <sheetData sheetId="1"/>
      <sheetData sheetId="2"/>
      <sheetData sheetId="3"/>
      <sheetData sheetId="4"/>
      <sheetData sheetId="5"/>
      <sheetData sheetId="6"/>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1寒川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2大磯18"/>
    </sheetNames>
    <sheetDataSet>
      <sheetData sheetId="0"/>
      <sheetData sheetId="1"/>
      <sheetData sheetId="2"/>
      <sheetData sheetId="3"/>
      <sheetData sheetId="4"/>
      <sheetData sheetId="5"/>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3二宮18"/>
    </sheetNames>
    <sheetDataSet>
      <sheetData sheetId="0"/>
      <sheetData sheetId="1"/>
      <sheetData sheetId="2"/>
      <sheetData sheetId="3"/>
      <sheetData sheetId="4"/>
      <sheetData sheetId="5"/>
      <sheetData sheetId="6"/>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6中井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7大井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8松田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9山北18"/>
    </sheetNames>
    <sheetDataSet>
      <sheetData sheetId="0"/>
      <sheetData sheetId="1"/>
      <sheetData sheetId="2"/>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H72"/>
  <sheetViews>
    <sheetView showGridLines="0" tabSelected="1" view="pageBreakPreview" zoomScale="85" zoomScaleNormal="70" zoomScaleSheetLayoutView="85" workbookViewId="0">
      <pane xSplit="1" ySplit="4" topLeftCell="J17" activePane="bottomRight" state="frozen"/>
      <selection activeCell="J19" sqref="J19"/>
      <selection pane="topRight" activeCell="J19" sqref="J19"/>
      <selection pane="bottomLeft" activeCell="J19" sqref="J19"/>
      <selection pane="bottomRight" activeCell="M19" sqref="M19"/>
    </sheetView>
  </sheetViews>
  <sheetFormatPr defaultColWidth="9.8984375" defaultRowHeight="17.399999999999999" x14ac:dyDescent="0.2"/>
  <cols>
    <col min="1" max="1" width="8.69921875" style="161" customWidth="1"/>
    <col min="2" max="2" width="7.3984375" style="6" customWidth="1"/>
    <col min="3" max="4" width="6" style="6" customWidth="1"/>
    <col min="5" max="6" width="6.3984375" style="6" customWidth="1"/>
    <col min="7" max="8" width="6" style="6" customWidth="1"/>
    <col min="9" max="10" width="6.8984375" style="6" customWidth="1"/>
    <col min="11" max="11" width="6.5" style="6" customWidth="1"/>
    <col min="12" max="12" width="6.3984375" style="6" customWidth="1"/>
    <col min="13" max="18" width="6" style="6" customWidth="1"/>
    <col min="19" max="19" width="8.69921875" style="161" customWidth="1"/>
    <col min="20" max="20" width="6.3984375" style="6" customWidth="1"/>
    <col min="21" max="21" width="6.5" style="6" customWidth="1"/>
    <col min="22" max="22" width="6.296875" style="6" customWidth="1"/>
    <col min="23" max="23" width="6.5" style="6" customWidth="1"/>
    <col min="24" max="26" width="6" style="6" customWidth="1"/>
    <col min="27" max="27" width="5.5" style="6" customWidth="1"/>
    <col min="28" max="28" width="8.69921875" style="6" customWidth="1"/>
    <col min="29" max="29" width="5.59765625" style="6" customWidth="1"/>
    <col min="30" max="30" width="6.8984375" style="6" customWidth="1"/>
    <col min="31" max="34" width="6" style="6" customWidth="1"/>
    <col min="35" max="35" width="6.8984375" style="6" customWidth="1"/>
    <col min="36" max="36" width="5.09765625" style="6" customWidth="1"/>
    <col min="37" max="37" width="6.8984375" style="6" customWidth="1"/>
    <col min="38" max="38" width="6" style="6" customWidth="1"/>
    <col min="39" max="39" width="5.5" style="6" customWidth="1"/>
    <col min="40" max="41" width="6.3984375" style="6" customWidth="1"/>
    <col min="42" max="42" width="6.19921875" style="6" customWidth="1"/>
    <col min="43" max="43" width="8.69921875" style="161" customWidth="1"/>
    <col min="44" max="44" width="6.69921875" style="6" customWidth="1"/>
    <col min="45" max="46" width="6.5" style="6" customWidth="1"/>
    <col min="47" max="50" width="6.8984375" style="6" customWidth="1"/>
    <col min="51" max="51" width="5.59765625" style="6" customWidth="1"/>
    <col min="52" max="58" width="6" style="6" customWidth="1"/>
    <col min="59" max="59" width="13.59765625" style="6" customWidth="1"/>
    <col min="60" max="60" width="12.3984375" style="6" customWidth="1"/>
    <col min="61" max="16384" width="9.8984375" style="6"/>
  </cols>
  <sheetData>
    <row r="1" spans="1:60" ht="18" thickBot="1" x14ac:dyDescent="0.25">
      <c r="A1" s="1" t="s">
        <v>0</v>
      </c>
      <c r="B1" s="1"/>
      <c r="C1" s="1"/>
      <c r="D1" s="1"/>
      <c r="E1" s="1"/>
      <c r="F1" s="1"/>
      <c r="G1" s="1"/>
      <c r="H1" s="1"/>
      <c r="I1" s="1"/>
      <c r="J1" s="1"/>
      <c r="K1" s="1"/>
      <c r="L1" s="2"/>
      <c r="M1" s="2"/>
      <c r="N1" s="2"/>
      <c r="O1" s="3" t="s">
        <v>1</v>
      </c>
      <c r="P1" s="3"/>
      <c r="Q1" s="3"/>
      <c r="R1" s="3"/>
      <c r="S1" s="2" t="s">
        <v>0</v>
      </c>
      <c r="T1" s="2"/>
      <c r="U1" s="2"/>
      <c r="V1" s="2"/>
      <c r="W1" s="2"/>
      <c r="X1" s="2"/>
      <c r="Y1" s="2"/>
      <c r="Z1" s="2"/>
      <c r="AA1" s="2"/>
      <c r="AB1" s="2"/>
      <c r="AC1" s="2"/>
      <c r="AD1" s="2"/>
      <c r="AE1" s="2"/>
      <c r="AF1" s="2"/>
      <c r="AG1" s="2"/>
      <c r="AH1" s="2"/>
      <c r="AI1" s="2"/>
      <c r="AJ1" s="2"/>
      <c r="AK1" s="4" t="s">
        <v>2</v>
      </c>
      <c r="AL1" s="4"/>
      <c r="AM1" s="4"/>
      <c r="AN1" s="4"/>
      <c r="AO1" s="4"/>
      <c r="AP1" s="4"/>
      <c r="AQ1" s="2" t="s">
        <v>0</v>
      </c>
      <c r="AR1" s="2"/>
      <c r="AS1" s="2"/>
      <c r="AT1" s="2"/>
      <c r="AU1" s="2"/>
      <c r="AV1" s="2"/>
      <c r="AW1" s="2"/>
      <c r="AX1" s="2"/>
      <c r="AY1" s="2"/>
      <c r="AZ1" s="2"/>
      <c r="BA1" s="2"/>
      <c r="BB1" s="2"/>
      <c r="BC1" s="4" t="s">
        <v>1</v>
      </c>
      <c r="BD1" s="4"/>
      <c r="BE1" s="4"/>
      <c r="BF1" s="4"/>
      <c r="BG1" s="5" t="s">
        <v>3</v>
      </c>
      <c r="BH1" s="5"/>
    </row>
    <row r="2" spans="1:60" s="31" customFormat="1" ht="18" customHeight="1" x14ac:dyDescent="0.2">
      <c r="A2" s="7" t="s">
        <v>4</v>
      </c>
      <c r="B2" s="8" t="s">
        <v>5</v>
      </c>
      <c r="C2" s="9" t="s">
        <v>6</v>
      </c>
      <c r="D2" s="10"/>
      <c r="E2" s="11" t="s">
        <v>7</v>
      </c>
      <c r="F2" s="9"/>
      <c r="G2" s="9"/>
      <c r="H2" s="12"/>
      <c r="I2" s="13" t="s">
        <v>8</v>
      </c>
      <c r="J2" s="14"/>
      <c r="K2" s="15"/>
      <c r="L2" s="16" t="s">
        <v>9</v>
      </c>
      <c r="M2" s="17" t="s">
        <v>10</v>
      </c>
      <c r="N2" s="18"/>
      <c r="O2" s="9" t="s">
        <v>11</v>
      </c>
      <c r="P2" s="9"/>
      <c r="Q2" s="9"/>
      <c r="R2" s="19"/>
      <c r="S2" s="7" t="s">
        <v>4</v>
      </c>
      <c r="T2" s="20" t="s">
        <v>12</v>
      </c>
      <c r="U2" s="9"/>
      <c r="V2" s="9"/>
      <c r="W2" s="9"/>
      <c r="X2" s="9"/>
      <c r="Y2" s="9"/>
      <c r="Z2" s="21"/>
      <c r="AA2" s="21"/>
      <c r="AB2" s="22" t="s">
        <v>13</v>
      </c>
      <c r="AC2" s="23" t="s">
        <v>14</v>
      </c>
      <c r="AD2" s="14"/>
      <c r="AE2" s="14"/>
      <c r="AF2" s="14"/>
      <c r="AG2" s="14"/>
      <c r="AH2" s="14"/>
      <c r="AI2" s="14"/>
      <c r="AJ2" s="14"/>
      <c r="AK2" s="14"/>
      <c r="AL2" s="14"/>
      <c r="AM2" s="14"/>
      <c r="AN2" s="14"/>
      <c r="AO2" s="14"/>
      <c r="AP2" s="24"/>
      <c r="AQ2" s="7" t="s">
        <v>4</v>
      </c>
      <c r="AR2" s="14" t="s">
        <v>15</v>
      </c>
      <c r="AS2" s="14"/>
      <c r="AT2" s="14"/>
      <c r="AU2" s="14"/>
      <c r="AV2" s="14"/>
      <c r="AW2" s="14"/>
      <c r="AX2" s="14"/>
      <c r="AY2" s="15"/>
      <c r="AZ2" s="25" t="s">
        <v>16</v>
      </c>
      <c r="BA2" s="26" t="s">
        <v>17</v>
      </c>
      <c r="BB2" s="26" t="s">
        <v>18</v>
      </c>
      <c r="BC2" s="27" t="s">
        <v>19</v>
      </c>
      <c r="BD2" s="16" t="s">
        <v>20</v>
      </c>
      <c r="BE2" s="16" t="s">
        <v>21</v>
      </c>
      <c r="BF2" s="28" t="s">
        <v>22</v>
      </c>
      <c r="BG2" s="29" t="s">
        <v>23</v>
      </c>
      <c r="BH2" s="30" t="s">
        <v>24</v>
      </c>
    </row>
    <row r="3" spans="1:60" s="31" customFormat="1" ht="18" customHeight="1" x14ac:dyDescent="0.2">
      <c r="A3" s="32"/>
      <c r="B3" s="33"/>
      <c r="C3" s="34" t="s">
        <v>25</v>
      </c>
      <c r="D3" s="35" t="s">
        <v>26</v>
      </c>
      <c r="E3" s="35" t="s">
        <v>27</v>
      </c>
      <c r="F3" s="35" t="s">
        <v>28</v>
      </c>
      <c r="G3" s="35" t="s">
        <v>29</v>
      </c>
      <c r="H3" s="36" t="s">
        <v>30</v>
      </c>
      <c r="I3" s="37" t="s">
        <v>31</v>
      </c>
      <c r="J3" s="37" t="s">
        <v>32</v>
      </c>
      <c r="K3" s="38" t="s">
        <v>33</v>
      </c>
      <c r="L3" s="39"/>
      <c r="M3" s="40" t="s">
        <v>34</v>
      </c>
      <c r="N3" s="41" t="s">
        <v>35</v>
      </c>
      <c r="O3" s="42" t="s">
        <v>36</v>
      </c>
      <c r="P3" s="42" t="s">
        <v>37</v>
      </c>
      <c r="Q3" s="43" t="s">
        <v>38</v>
      </c>
      <c r="R3" s="44" t="s">
        <v>39</v>
      </c>
      <c r="S3" s="32"/>
      <c r="T3" s="45" t="s">
        <v>40</v>
      </c>
      <c r="U3" s="46"/>
      <c r="V3" s="47" t="s">
        <v>41</v>
      </c>
      <c r="W3" s="46"/>
      <c r="X3" s="48" t="s">
        <v>42</v>
      </c>
      <c r="Y3" s="49"/>
      <c r="Z3" s="50" t="s">
        <v>43</v>
      </c>
      <c r="AA3" s="51"/>
      <c r="AB3" s="52" t="s">
        <v>44</v>
      </c>
      <c r="AC3" s="53" t="s">
        <v>45</v>
      </c>
      <c r="AD3" s="54" t="s">
        <v>46</v>
      </c>
      <c r="AE3" s="55" t="s">
        <v>47</v>
      </c>
      <c r="AF3" s="56" t="s">
        <v>48</v>
      </c>
      <c r="AG3" s="54" t="s">
        <v>49</v>
      </c>
      <c r="AH3" s="54" t="s">
        <v>50</v>
      </c>
      <c r="AI3" s="57" t="s">
        <v>51</v>
      </c>
      <c r="AJ3" s="54" t="s">
        <v>52</v>
      </c>
      <c r="AK3" s="54" t="s">
        <v>53</v>
      </c>
      <c r="AL3" s="55" t="s">
        <v>54</v>
      </c>
      <c r="AM3" s="54" t="s">
        <v>55</v>
      </c>
      <c r="AN3" s="57" t="s">
        <v>56</v>
      </c>
      <c r="AO3" s="58" t="s">
        <v>57</v>
      </c>
      <c r="AP3" s="59" t="s">
        <v>58</v>
      </c>
      <c r="AQ3" s="32"/>
      <c r="AR3" s="60" t="s">
        <v>59</v>
      </c>
      <c r="AS3" s="61" t="s">
        <v>60</v>
      </c>
      <c r="AT3" s="54" t="s">
        <v>61</v>
      </c>
      <c r="AU3" s="62" t="s">
        <v>46</v>
      </c>
      <c r="AV3" s="62" t="s">
        <v>62</v>
      </c>
      <c r="AW3" s="62" t="s">
        <v>63</v>
      </c>
      <c r="AX3" s="55" t="s">
        <v>64</v>
      </c>
      <c r="AY3" s="63" t="s">
        <v>65</v>
      </c>
      <c r="AZ3" s="64"/>
      <c r="BA3" s="65"/>
      <c r="BB3" s="65"/>
      <c r="BC3" s="66"/>
      <c r="BD3" s="39"/>
      <c r="BE3" s="39"/>
      <c r="BF3" s="67"/>
      <c r="BG3" s="68"/>
      <c r="BH3" s="69"/>
    </row>
    <row r="4" spans="1:60" s="31" customFormat="1" ht="71.25" customHeight="1" thickBot="1" x14ac:dyDescent="0.25">
      <c r="A4" s="32"/>
      <c r="B4" s="33"/>
      <c r="C4" s="70"/>
      <c r="D4" s="71"/>
      <c r="E4" s="71"/>
      <c r="F4" s="71"/>
      <c r="G4" s="71"/>
      <c r="H4" s="72"/>
      <c r="I4" s="66"/>
      <c r="J4" s="66"/>
      <c r="K4" s="73"/>
      <c r="L4" s="74"/>
      <c r="M4" s="75"/>
      <c r="N4" s="76"/>
      <c r="O4" s="65"/>
      <c r="P4" s="65"/>
      <c r="Q4" s="66"/>
      <c r="R4" s="77"/>
      <c r="S4" s="32"/>
      <c r="T4" s="78" t="s">
        <v>66</v>
      </c>
      <c r="U4" s="79" t="s">
        <v>67</v>
      </c>
      <c r="V4" s="80" t="s">
        <v>66</v>
      </c>
      <c r="W4" s="79" t="s">
        <v>67</v>
      </c>
      <c r="X4" s="79" t="s">
        <v>68</v>
      </c>
      <c r="Y4" s="79" t="s">
        <v>69</v>
      </c>
      <c r="Z4" s="81" t="s">
        <v>70</v>
      </c>
      <c r="AA4" s="82" t="s">
        <v>71</v>
      </c>
      <c r="AB4" s="83"/>
      <c r="AC4" s="84"/>
      <c r="AD4" s="39"/>
      <c r="AE4" s="85"/>
      <c r="AF4" s="86"/>
      <c r="AG4" s="39"/>
      <c r="AH4" s="39"/>
      <c r="AI4" s="87"/>
      <c r="AJ4" s="39"/>
      <c r="AK4" s="39"/>
      <c r="AL4" s="85"/>
      <c r="AM4" s="39"/>
      <c r="AN4" s="87"/>
      <c r="AO4" s="88"/>
      <c r="AP4" s="89"/>
      <c r="AQ4" s="32"/>
      <c r="AR4" s="90"/>
      <c r="AS4" s="91"/>
      <c r="AT4" s="39"/>
      <c r="AU4" s="92"/>
      <c r="AV4" s="92"/>
      <c r="AW4" s="92"/>
      <c r="AX4" s="85"/>
      <c r="AY4" s="93"/>
      <c r="AZ4" s="64"/>
      <c r="BA4" s="65"/>
      <c r="BB4" s="65"/>
      <c r="BC4" s="66"/>
      <c r="BD4" s="39"/>
      <c r="BE4" s="39"/>
      <c r="BF4" s="67"/>
      <c r="BG4" s="94"/>
      <c r="BH4" s="95"/>
    </row>
    <row r="5" spans="1:60" ht="16.5" customHeight="1" x14ac:dyDescent="0.2">
      <c r="A5" s="96" t="s">
        <v>72</v>
      </c>
      <c r="B5" s="97">
        <f>SUM(C5:BF5)</f>
        <v>3147</v>
      </c>
      <c r="C5" s="98">
        <f t="shared" ref="C5:R6" si="0">SUM(C7,C39)</f>
        <v>18</v>
      </c>
      <c r="D5" s="99">
        <f t="shared" si="0"/>
        <v>86</v>
      </c>
      <c r="E5" s="99">
        <f t="shared" si="0"/>
        <v>920</v>
      </c>
      <c r="F5" s="99">
        <f t="shared" si="0"/>
        <v>251</v>
      </c>
      <c r="G5" s="99">
        <f t="shared" si="0"/>
        <v>30</v>
      </c>
      <c r="H5" s="99">
        <f t="shared" si="0"/>
        <v>21</v>
      </c>
      <c r="I5" s="99">
        <f t="shared" si="0"/>
        <v>62</v>
      </c>
      <c r="J5" s="99">
        <f t="shared" si="0"/>
        <v>0</v>
      </c>
      <c r="K5" s="99">
        <f t="shared" si="0"/>
        <v>115</v>
      </c>
      <c r="L5" s="99">
        <f t="shared" si="0"/>
        <v>182</v>
      </c>
      <c r="M5" s="98">
        <f t="shared" si="0"/>
        <v>1</v>
      </c>
      <c r="N5" s="99">
        <f t="shared" si="0"/>
        <v>9</v>
      </c>
      <c r="O5" s="99">
        <f t="shared" si="0"/>
        <v>21</v>
      </c>
      <c r="P5" s="99">
        <f t="shared" si="0"/>
        <v>81</v>
      </c>
      <c r="Q5" s="99">
        <f t="shared" si="0"/>
        <v>2</v>
      </c>
      <c r="R5" s="100">
        <f t="shared" si="0"/>
        <v>2</v>
      </c>
      <c r="S5" s="96" t="s">
        <v>72</v>
      </c>
      <c r="T5" s="101">
        <f t="shared" ref="T5:AP6" si="1">SUM(T7,T39)</f>
        <v>21</v>
      </c>
      <c r="U5" s="102">
        <f t="shared" si="1"/>
        <v>480</v>
      </c>
      <c r="V5" s="102">
        <f t="shared" si="1"/>
        <v>7</v>
      </c>
      <c r="W5" s="102">
        <f t="shared" si="1"/>
        <v>238</v>
      </c>
      <c r="X5" s="102">
        <f t="shared" si="1"/>
        <v>0</v>
      </c>
      <c r="Y5" s="103">
        <f t="shared" si="1"/>
        <v>5</v>
      </c>
      <c r="Z5" s="104">
        <f t="shared" si="1"/>
        <v>0</v>
      </c>
      <c r="AA5" s="105">
        <f t="shared" si="1"/>
        <v>1</v>
      </c>
      <c r="AB5" s="106">
        <f t="shared" si="1"/>
        <v>0</v>
      </c>
      <c r="AC5" s="106">
        <f t="shared" si="1"/>
        <v>174</v>
      </c>
      <c r="AD5" s="99">
        <f t="shared" si="1"/>
        <v>3</v>
      </c>
      <c r="AE5" s="99">
        <f t="shared" si="1"/>
        <v>3</v>
      </c>
      <c r="AF5" s="99">
        <f t="shared" si="1"/>
        <v>7</v>
      </c>
      <c r="AG5" s="99">
        <f t="shared" si="1"/>
        <v>0</v>
      </c>
      <c r="AH5" s="99">
        <f t="shared" si="1"/>
        <v>4</v>
      </c>
      <c r="AI5" s="99">
        <f t="shared" si="1"/>
        <v>0</v>
      </c>
      <c r="AJ5" s="99">
        <f t="shared" si="1"/>
        <v>1</v>
      </c>
      <c r="AK5" s="99">
        <f t="shared" si="1"/>
        <v>0</v>
      </c>
      <c r="AL5" s="99">
        <f t="shared" si="1"/>
        <v>0</v>
      </c>
      <c r="AM5" s="99">
        <f t="shared" si="1"/>
        <v>39</v>
      </c>
      <c r="AN5" s="99">
        <f t="shared" si="1"/>
        <v>27</v>
      </c>
      <c r="AO5" s="99">
        <f t="shared" si="1"/>
        <v>54</v>
      </c>
      <c r="AP5" s="100">
        <f t="shared" si="1"/>
        <v>62</v>
      </c>
      <c r="AQ5" s="96" t="s">
        <v>72</v>
      </c>
      <c r="AR5" s="98">
        <f t="shared" ref="AR5:BH6" si="2">SUM(AR7,AR39)</f>
        <v>3</v>
      </c>
      <c r="AS5" s="99">
        <f t="shared" si="2"/>
        <v>3</v>
      </c>
      <c r="AT5" s="99">
        <f t="shared" si="2"/>
        <v>33</v>
      </c>
      <c r="AU5" s="99">
        <f t="shared" si="2"/>
        <v>0</v>
      </c>
      <c r="AV5" s="99">
        <f t="shared" si="2"/>
        <v>0</v>
      </c>
      <c r="AW5" s="99">
        <f t="shared" si="2"/>
        <v>1</v>
      </c>
      <c r="AX5" s="98">
        <f t="shared" si="2"/>
        <v>1</v>
      </c>
      <c r="AY5" s="99">
        <f t="shared" si="2"/>
        <v>2</v>
      </c>
      <c r="AZ5" s="99">
        <f t="shared" si="2"/>
        <v>59</v>
      </c>
      <c r="BA5" s="99">
        <f t="shared" si="2"/>
        <v>1</v>
      </c>
      <c r="BB5" s="99">
        <f t="shared" si="2"/>
        <v>47</v>
      </c>
      <c r="BC5" s="99">
        <f t="shared" si="2"/>
        <v>9</v>
      </c>
      <c r="BD5" s="99">
        <f t="shared" si="2"/>
        <v>2</v>
      </c>
      <c r="BE5" s="99">
        <f t="shared" si="2"/>
        <v>46</v>
      </c>
      <c r="BF5" s="107">
        <f t="shared" si="2"/>
        <v>13</v>
      </c>
      <c r="BG5" s="106">
        <f t="shared" si="2"/>
        <v>450483462</v>
      </c>
      <c r="BH5" s="100">
        <f>SUM(BH7,BH39)</f>
        <v>16985100</v>
      </c>
    </row>
    <row r="6" spans="1:60" ht="16.5" customHeight="1" thickBot="1" x14ac:dyDescent="0.25">
      <c r="A6" s="108"/>
      <c r="B6" s="109">
        <f t="shared" ref="B6:B10" si="3">SUM(C6:BF6)</f>
        <v>2294</v>
      </c>
      <c r="C6" s="110">
        <f t="shared" si="0"/>
        <v>11</v>
      </c>
      <c r="D6" s="111">
        <f t="shared" si="0"/>
        <v>121</v>
      </c>
      <c r="E6" s="111">
        <f t="shared" si="0"/>
        <v>383</v>
      </c>
      <c r="F6" s="111">
        <f t="shared" si="0"/>
        <v>217</v>
      </c>
      <c r="G6" s="111">
        <f t="shared" si="0"/>
        <v>9</v>
      </c>
      <c r="H6" s="111">
        <f t="shared" si="0"/>
        <v>0</v>
      </c>
      <c r="I6" s="111">
        <f t="shared" si="0"/>
        <v>59</v>
      </c>
      <c r="J6" s="111">
        <f t="shared" si="0"/>
        <v>10</v>
      </c>
      <c r="K6" s="111">
        <f t="shared" si="0"/>
        <v>82</v>
      </c>
      <c r="L6" s="110">
        <f t="shared" si="0"/>
        <v>2</v>
      </c>
      <c r="M6" s="111">
        <f t="shared" si="0"/>
        <v>0</v>
      </c>
      <c r="N6" s="111">
        <f t="shared" si="0"/>
        <v>0</v>
      </c>
      <c r="O6" s="111">
        <f t="shared" si="0"/>
        <v>2</v>
      </c>
      <c r="P6" s="111">
        <f t="shared" si="0"/>
        <v>2</v>
      </c>
      <c r="Q6" s="111">
        <f t="shared" si="0"/>
        <v>0</v>
      </c>
      <c r="R6" s="112">
        <f t="shared" si="0"/>
        <v>0</v>
      </c>
      <c r="S6" s="108"/>
      <c r="T6" s="113">
        <f t="shared" si="1"/>
        <v>2</v>
      </c>
      <c r="U6" s="111">
        <f t="shared" si="1"/>
        <v>191</v>
      </c>
      <c r="V6" s="111">
        <f t="shared" si="1"/>
        <v>1</v>
      </c>
      <c r="W6" s="114">
        <f t="shared" si="1"/>
        <v>174</v>
      </c>
      <c r="X6" s="110">
        <f t="shared" si="1"/>
        <v>0</v>
      </c>
      <c r="Y6" s="111">
        <f t="shared" si="1"/>
        <v>2</v>
      </c>
      <c r="Z6" s="111">
        <f t="shared" si="1"/>
        <v>1</v>
      </c>
      <c r="AA6" s="115">
        <f t="shared" si="1"/>
        <v>1</v>
      </c>
      <c r="AB6" s="113">
        <f t="shared" si="1"/>
        <v>19</v>
      </c>
      <c r="AC6" s="113">
        <f t="shared" si="1"/>
        <v>545</v>
      </c>
      <c r="AD6" s="111">
        <f t="shared" si="1"/>
        <v>4</v>
      </c>
      <c r="AE6" s="111">
        <f t="shared" si="1"/>
        <v>7</v>
      </c>
      <c r="AF6" s="111">
        <f t="shared" si="1"/>
        <v>5</v>
      </c>
      <c r="AG6" s="111">
        <f t="shared" si="1"/>
        <v>0</v>
      </c>
      <c r="AH6" s="111">
        <f t="shared" si="1"/>
        <v>1</v>
      </c>
      <c r="AI6" s="111">
        <f t="shared" si="1"/>
        <v>0</v>
      </c>
      <c r="AJ6" s="111">
        <f t="shared" si="1"/>
        <v>3</v>
      </c>
      <c r="AK6" s="111">
        <f t="shared" si="1"/>
        <v>0</v>
      </c>
      <c r="AL6" s="111">
        <f t="shared" si="1"/>
        <v>0</v>
      </c>
      <c r="AM6" s="111">
        <f t="shared" si="1"/>
        <v>62</v>
      </c>
      <c r="AN6" s="111">
        <f t="shared" si="1"/>
        <v>25</v>
      </c>
      <c r="AO6" s="111">
        <f t="shared" si="1"/>
        <v>53</v>
      </c>
      <c r="AP6" s="112">
        <f t="shared" si="1"/>
        <v>58</v>
      </c>
      <c r="AQ6" s="108"/>
      <c r="AR6" s="110">
        <f t="shared" si="2"/>
        <v>20</v>
      </c>
      <c r="AS6" s="111">
        <f t="shared" si="2"/>
        <v>35</v>
      </c>
      <c r="AT6" s="111">
        <f t="shared" si="2"/>
        <v>124</v>
      </c>
      <c r="AU6" s="111">
        <f t="shared" si="2"/>
        <v>7</v>
      </c>
      <c r="AV6" s="111">
        <f t="shared" si="2"/>
        <v>1</v>
      </c>
      <c r="AW6" s="111">
        <f t="shared" si="2"/>
        <v>5</v>
      </c>
      <c r="AX6" s="110">
        <f t="shared" si="2"/>
        <v>10</v>
      </c>
      <c r="AY6" s="111">
        <f t="shared" si="2"/>
        <v>17</v>
      </c>
      <c r="AZ6" s="111">
        <f t="shared" si="2"/>
        <v>13</v>
      </c>
      <c r="BA6" s="111">
        <f t="shared" si="2"/>
        <v>0</v>
      </c>
      <c r="BB6" s="111">
        <f t="shared" si="2"/>
        <v>4</v>
      </c>
      <c r="BC6" s="111">
        <f t="shared" si="2"/>
        <v>0</v>
      </c>
      <c r="BD6" s="111">
        <f t="shared" si="2"/>
        <v>0</v>
      </c>
      <c r="BE6" s="111">
        <f t="shared" si="2"/>
        <v>2</v>
      </c>
      <c r="BF6" s="115">
        <f t="shared" si="2"/>
        <v>4</v>
      </c>
      <c r="BG6" s="113">
        <f t="shared" si="2"/>
        <v>113533137</v>
      </c>
      <c r="BH6" s="112">
        <f t="shared" si="2"/>
        <v>4087028</v>
      </c>
    </row>
    <row r="7" spans="1:60" ht="18" thickTop="1" x14ac:dyDescent="0.2">
      <c r="A7" s="96" t="s">
        <v>73</v>
      </c>
      <c r="B7" s="97">
        <f t="shared" si="3"/>
        <v>2844</v>
      </c>
      <c r="C7" s="98">
        <f t="shared" ref="C7:R8" si="4">SUM(C9,C11,C13,C15,C17,C19,C21,C23,C25,C27,C29,C31,C33,C35,C37)</f>
        <v>17</v>
      </c>
      <c r="D7" s="116">
        <f t="shared" si="4"/>
        <v>81</v>
      </c>
      <c r="E7" s="116">
        <f t="shared" si="4"/>
        <v>823</v>
      </c>
      <c r="F7" s="116">
        <f t="shared" si="4"/>
        <v>240</v>
      </c>
      <c r="G7" s="116">
        <f t="shared" si="4"/>
        <v>28</v>
      </c>
      <c r="H7" s="116">
        <f t="shared" si="4"/>
        <v>18</v>
      </c>
      <c r="I7" s="116">
        <f t="shared" si="4"/>
        <v>58</v>
      </c>
      <c r="J7" s="116">
        <f t="shared" si="4"/>
        <v>0</v>
      </c>
      <c r="K7" s="116">
        <f t="shared" si="4"/>
        <v>109</v>
      </c>
      <c r="L7" s="98">
        <f t="shared" si="4"/>
        <v>166</v>
      </c>
      <c r="M7" s="116">
        <f t="shared" si="4"/>
        <v>1</v>
      </c>
      <c r="N7" s="116">
        <f t="shared" si="4"/>
        <v>7</v>
      </c>
      <c r="O7" s="116">
        <f t="shared" si="4"/>
        <v>21</v>
      </c>
      <c r="P7" s="116">
        <f t="shared" si="4"/>
        <v>73</v>
      </c>
      <c r="Q7" s="116">
        <f t="shared" si="4"/>
        <v>2</v>
      </c>
      <c r="R7" s="117">
        <f t="shared" si="4"/>
        <v>2</v>
      </c>
      <c r="S7" s="96" t="s">
        <v>73</v>
      </c>
      <c r="T7" s="106">
        <f t="shared" ref="T7:AP8" si="5">SUM(T9,T11,T13,T15,T17,T19,T21,T23,T25,T27,T29,T31,T33,T35,T37)</f>
        <v>11</v>
      </c>
      <c r="U7" s="116">
        <f t="shared" si="5"/>
        <v>420</v>
      </c>
      <c r="V7" s="116">
        <f t="shared" si="5"/>
        <v>6</v>
      </c>
      <c r="W7" s="116">
        <f t="shared" si="5"/>
        <v>209</v>
      </c>
      <c r="X7" s="116">
        <f t="shared" si="5"/>
        <v>0</v>
      </c>
      <c r="Y7" s="116">
        <f t="shared" si="5"/>
        <v>5</v>
      </c>
      <c r="Z7" s="116">
        <f t="shared" si="5"/>
        <v>0</v>
      </c>
      <c r="AA7" s="118">
        <f t="shared" si="5"/>
        <v>1</v>
      </c>
      <c r="AB7" s="106">
        <f t="shared" si="5"/>
        <v>0</v>
      </c>
      <c r="AC7" s="106">
        <f t="shared" si="5"/>
        <v>159</v>
      </c>
      <c r="AD7" s="116">
        <f t="shared" si="5"/>
        <v>3</v>
      </c>
      <c r="AE7" s="116">
        <f t="shared" si="5"/>
        <v>2</v>
      </c>
      <c r="AF7" s="116">
        <f t="shared" si="5"/>
        <v>6</v>
      </c>
      <c r="AG7" s="116">
        <f t="shared" si="5"/>
        <v>0</v>
      </c>
      <c r="AH7" s="116">
        <f t="shared" si="5"/>
        <v>4</v>
      </c>
      <c r="AI7" s="116">
        <f t="shared" si="5"/>
        <v>0</v>
      </c>
      <c r="AJ7" s="116">
        <f t="shared" si="5"/>
        <v>1</v>
      </c>
      <c r="AK7" s="116">
        <f t="shared" si="5"/>
        <v>0</v>
      </c>
      <c r="AL7" s="116">
        <f t="shared" si="5"/>
        <v>0</v>
      </c>
      <c r="AM7" s="116">
        <f t="shared" si="5"/>
        <v>33</v>
      </c>
      <c r="AN7" s="116">
        <f t="shared" si="5"/>
        <v>24</v>
      </c>
      <c r="AO7" s="116">
        <f t="shared" si="5"/>
        <v>54</v>
      </c>
      <c r="AP7" s="117">
        <f t="shared" si="5"/>
        <v>55</v>
      </c>
      <c r="AQ7" s="96" t="s">
        <v>73</v>
      </c>
      <c r="AR7" s="98">
        <f t="shared" ref="AR7:BF8" si="6">SUM(AR9,AR11,AR13,AR15,AR17,AR19,AR21,AR23,AR25,AR27,AR29,AR31,AR33,AR35,AR37)</f>
        <v>3</v>
      </c>
      <c r="AS7" s="116">
        <f t="shared" si="6"/>
        <v>2</v>
      </c>
      <c r="AT7" s="116">
        <f t="shared" si="6"/>
        <v>30</v>
      </c>
      <c r="AU7" s="116">
        <f t="shared" si="6"/>
        <v>0</v>
      </c>
      <c r="AV7" s="116">
        <f t="shared" si="6"/>
        <v>0</v>
      </c>
      <c r="AW7" s="116">
        <f t="shared" si="6"/>
        <v>1</v>
      </c>
      <c r="AX7" s="98">
        <f t="shared" si="6"/>
        <v>1</v>
      </c>
      <c r="AY7" s="116">
        <f t="shared" si="6"/>
        <v>2</v>
      </c>
      <c r="AZ7" s="116">
        <f t="shared" si="6"/>
        <v>55</v>
      </c>
      <c r="BA7" s="116">
        <f t="shared" si="6"/>
        <v>0</v>
      </c>
      <c r="BB7" s="116">
        <f t="shared" si="6"/>
        <v>45</v>
      </c>
      <c r="BC7" s="116">
        <f t="shared" si="6"/>
        <v>9</v>
      </c>
      <c r="BD7" s="116">
        <f t="shared" si="6"/>
        <v>2</v>
      </c>
      <c r="BE7" s="116">
        <f t="shared" si="6"/>
        <v>45</v>
      </c>
      <c r="BF7" s="118">
        <f t="shared" si="6"/>
        <v>10</v>
      </c>
      <c r="BG7" s="106">
        <f>SUM(BG9,BG11,BG13,BG15,BG17,BG19,BG21,BG23,BG25,BG27,BG29,BG31,BG33,BG35,BG37)</f>
        <v>410236949</v>
      </c>
      <c r="BH7" s="117">
        <f>SUM(BH9,BH11,BH13,BH15,BH17,BH19,BH21,BH23,BH25,BH27,BH29,BH31,BH33,BH35,BH37)</f>
        <v>15467960</v>
      </c>
    </row>
    <row r="8" spans="1:60" ht="16.5" customHeight="1" thickBot="1" x14ac:dyDescent="0.25">
      <c r="A8" s="108"/>
      <c r="B8" s="109">
        <f t="shared" si="3"/>
        <v>2081</v>
      </c>
      <c r="C8" s="110">
        <f t="shared" si="4"/>
        <v>8</v>
      </c>
      <c r="D8" s="119">
        <f t="shared" si="4"/>
        <v>113</v>
      </c>
      <c r="E8" s="119">
        <f t="shared" si="4"/>
        <v>352</v>
      </c>
      <c r="F8" s="119">
        <f t="shared" si="4"/>
        <v>194</v>
      </c>
      <c r="G8" s="119">
        <f t="shared" si="4"/>
        <v>9</v>
      </c>
      <c r="H8" s="119">
        <f t="shared" si="4"/>
        <v>0</v>
      </c>
      <c r="I8" s="119">
        <f t="shared" si="4"/>
        <v>53</v>
      </c>
      <c r="J8" s="119">
        <f t="shared" si="4"/>
        <v>10</v>
      </c>
      <c r="K8" s="110">
        <f t="shared" si="4"/>
        <v>80</v>
      </c>
      <c r="L8" s="119">
        <f t="shared" si="4"/>
        <v>2</v>
      </c>
      <c r="M8" s="119">
        <f t="shared" si="4"/>
        <v>0</v>
      </c>
      <c r="N8" s="119">
        <f t="shared" si="4"/>
        <v>0</v>
      </c>
      <c r="O8" s="119">
        <f t="shared" si="4"/>
        <v>2</v>
      </c>
      <c r="P8" s="119">
        <f t="shared" si="4"/>
        <v>1</v>
      </c>
      <c r="Q8" s="119">
        <f t="shared" si="4"/>
        <v>0</v>
      </c>
      <c r="R8" s="120">
        <f t="shared" si="4"/>
        <v>0</v>
      </c>
      <c r="S8" s="108"/>
      <c r="T8" s="113">
        <f t="shared" si="5"/>
        <v>2</v>
      </c>
      <c r="U8" s="119">
        <f t="shared" si="5"/>
        <v>167</v>
      </c>
      <c r="V8" s="119">
        <f t="shared" si="5"/>
        <v>0</v>
      </c>
      <c r="W8" s="119">
        <f t="shared" si="5"/>
        <v>156</v>
      </c>
      <c r="X8" s="119">
        <f t="shared" si="5"/>
        <v>0</v>
      </c>
      <c r="Y8" s="119">
        <f t="shared" si="5"/>
        <v>2</v>
      </c>
      <c r="Z8" s="119">
        <f t="shared" si="5"/>
        <v>0</v>
      </c>
      <c r="AA8" s="121">
        <f t="shared" si="5"/>
        <v>1</v>
      </c>
      <c r="AB8" s="113">
        <f t="shared" si="5"/>
        <v>19</v>
      </c>
      <c r="AC8" s="113">
        <f t="shared" si="5"/>
        <v>484</v>
      </c>
      <c r="AD8" s="119">
        <f t="shared" si="5"/>
        <v>4</v>
      </c>
      <c r="AE8" s="119">
        <f t="shared" si="5"/>
        <v>6</v>
      </c>
      <c r="AF8" s="119">
        <f t="shared" si="5"/>
        <v>4</v>
      </c>
      <c r="AG8" s="119">
        <f t="shared" si="5"/>
        <v>0</v>
      </c>
      <c r="AH8" s="119">
        <f t="shared" si="5"/>
        <v>1</v>
      </c>
      <c r="AI8" s="119">
        <f t="shared" si="5"/>
        <v>0</v>
      </c>
      <c r="AJ8" s="119">
        <f t="shared" si="5"/>
        <v>3</v>
      </c>
      <c r="AK8" s="119">
        <f t="shared" si="5"/>
        <v>0</v>
      </c>
      <c r="AL8" s="119">
        <f t="shared" si="5"/>
        <v>0</v>
      </c>
      <c r="AM8" s="119">
        <f t="shared" si="5"/>
        <v>53</v>
      </c>
      <c r="AN8" s="119">
        <f t="shared" si="5"/>
        <v>23</v>
      </c>
      <c r="AO8" s="119">
        <f t="shared" si="5"/>
        <v>50</v>
      </c>
      <c r="AP8" s="120">
        <f t="shared" si="5"/>
        <v>55</v>
      </c>
      <c r="AQ8" s="108"/>
      <c r="AR8" s="110">
        <f t="shared" si="6"/>
        <v>20</v>
      </c>
      <c r="AS8" s="119">
        <f t="shared" si="6"/>
        <v>29</v>
      </c>
      <c r="AT8" s="119">
        <f t="shared" si="6"/>
        <v>117</v>
      </c>
      <c r="AU8" s="119">
        <f t="shared" si="6"/>
        <v>7</v>
      </c>
      <c r="AV8" s="119">
        <f t="shared" si="6"/>
        <v>1</v>
      </c>
      <c r="AW8" s="119">
        <f t="shared" si="6"/>
        <v>5</v>
      </c>
      <c r="AX8" s="110">
        <f t="shared" si="6"/>
        <v>9</v>
      </c>
      <c r="AY8" s="119">
        <f t="shared" si="6"/>
        <v>17</v>
      </c>
      <c r="AZ8" s="119">
        <f t="shared" si="6"/>
        <v>12</v>
      </c>
      <c r="BA8" s="119">
        <f t="shared" si="6"/>
        <v>0</v>
      </c>
      <c r="BB8" s="119">
        <f t="shared" si="6"/>
        <v>4</v>
      </c>
      <c r="BC8" s="119">
        <f t="shared" si="6"/>
        <v>0</v>
      </c>
      <c r="BD8" s="119">
        <f t="shared" si="6"/>
        <v>0</v>
      </c>
      <c r="BE8" s="119">
        <f t="shared" si="6"/>
        <v>2</v>
      </c>
      <c r="BF8" s="121">
        <f t="shared" si="6"/>
        <v>4</v>
      </c>
      <c r="BG8" s="113">
        <f>SUM(BG10,BG12,BG14,BG16,BG18,BG20,BG22,BG24,BG26,BG28,BG30,BG32,BG34,BG36,BG38)</f>
        <v>103476087</v>
      </c>
      <c r="BH8" s="120">
        <f>SUM(BH10,BH12,BH14,BH16,BH18,BH20,BH22,BH24,BH26,BH28,BH30,BH32,BH34,BH36,BH38)</f>
        <v>3660196</v>
      </c>
    </row>
    <row r="9" spans="1:60" ht="16.5" customHeight="1" thickTop="1" x14ac:dyDescent="0.2">
      <c r="A9" s="122" t="s">
        <v>74</v>
      </c>
      <c r="B9" s="123">
        <f t="shared" si="3"/>
        <v>399</v>
      </c>
      <c r="C9" s="124">
        <v>2</v>
      </c>
      <c r="D9" s="125">
        <v>16</v>
      </c>
      <c r="E9" s="125">
        <v>151</v>
      </c>
      <c r="F9" s="125">
        <v>24</v>
      </c>
      <c r="G9" s="125">
        <v>2</v>
      </c>
      <c r="H9" s="125">
        <v>1</v>
      </c>
      <c r="I9" s="125">
        <v>12</v>
      </c>
      <c r="J9" s="125">
        <v>0</v>
      </c>
      <c r="K9" s="125">
        <v>9</v>
      </c>
      <c r="L9" s="125">
        <v>14</v>
      </c>
      <c r="M9" s="125">
        <v>0</v>
      </c>
      <c r="N9" s="125">
        <v>0</v>
      </c>
      <c r="O9" s="125">
        <v>1</v>
      </c>
      <c r="P9" s="125">
        <v>5</v>
      </c>
      <c r="Q9" s="125">
        <v>0</v>
      </c>
      <c r="R9" s="126">
        <v>0</v>
      </c>
      <c r="S9" s="122" t="s">
        <v>74</v>
      </c>
      <c r="T9" s="127">
        <v>0</v>
      </c>
      <c r="U9" s="125">
        <v>58</v>
      </c>
      <c r="V9" s="125">
        <v>2</v>
      </c>
      <c r="W9" s="125">
        <v>41</v>
      </c>
      <c r="X9" s="125">
        <v>0</v>
      </c>
      <c r="Y9" s="125">
        <v>1</v>
      </c>
      <c r="Z9" s="125">
        <v>0</v>
      </c>
      <c r="AA9" s="125">
        <v>0</v>
      </c>
      <c r="AB9" s="128">
        <v>0</v>
      </c>
      <c r="AC9" s="127">
        <v>9</v>
      </c>
      <c r="AD9" s="125">
        <v>0</v>
      </c>
      <c r="AE9" s="125">
        <v>1</v>
      </c>
      <c r="AF9" s="125">
        <v>1</v>
      </c>
      <c r="AG9" s="125">
        <v>0</v>
      </c>
      <c r="AH9" s="125">
        <v>0</v>
      </c>
      <c r="AI9" s="125">
        <v>0</v>
      </c>
      <c r="AJ9" s="125">
        <v>0</v>
      </c>
      <c r="AK9" s="125">
        <v>0</v>
      </c>
      <c r="AL9" s="125">
        <v>0</v>
      </c>
      <c r="AM9" s="125">
        <v>2</v>
      </c>
      <c r="AN9" s="125">
        <v>1</v>
      </c>
      <c r="AO9" s="125">
        <v>6</v>
      </c>
      <c r="AP9" s="126">
        <v>7</v>
      </c>
      <c r="AQ9" s="122" t="s">
        <v>74</v>
      </c>
      <c r="AR9" s="124">
        <v>0</v>
      </c>
      <c r="AS9" s="125">
        <v>0</v>
      </c>
      <c r="AT9" s="125">
        <v>2</v>
      </c>
      <c r="AU9" s="125">
        <v>0</v>
      </c>
      <c r="AV9" s="125">
        <v>0</v>
      </c>
      <c r="AW9" s="125">
        <v>1</v>
      </c>
      <c r="AX9" s="125">
        <v>0</v>
      </c>
      <c r="AY9" s="125">
        <v>0</v>
      </c>
      <c r="AZ9" s="125">
        <v>7</v>
      </c>
      <c r="BA9" s="125">
        <v>0</v>
      </c>
      <c r="BB9" s="125">
        <v>11</v>
      </c>
      <c r="BC9" s="125">
        <v>0</v>
      </c>
      <c r="BD9" s="125">
        <v>0</v>
      </c>
      <c r="BE9" s="125">
        <v>12</v>
      </c>
      <c r="BF9" s="125">
        <v>0</v>
      </c>
      <c r="BG9" s="129">
        <v>50599702</v>
      </c>
      <c r="BH9" s="130">
        <v>2227514</v>
      </c>
    </row>
    <row r="10" spans="1:60" ht="16.5" customHeight="1" x14ac:dyDescent="0.2">
      <c r="A10" s="131"/>
      <c r="B10" s="132">
        <f t="shared" si="3"/>
        <v>260</v>
      </c>
      <c r="C10" s="133">
        <v>0</v>
      </c>
      <c r="D10" s="134">
        <v>16</v>
      </c>
      <c r="E10" s="134">
        <v>73</v>
      </c>
      <c r="F10" s="134">
        <v>18</v>
      </c>
      <c r="G10" s="134">
        <v>0</v>
      </c>
      <c r="H10" s="134">
        <v>0</v>
      </c>
      <c r="I10" s="134">
        <v>6</v>
      </c>
      <c r="J10" s="134">
        <v>2</v>
      </c>
      <c r="K10" s="134">
        <v>8</v>
      </c>
      <c r="L10" s="134">
        <v>0</v>
      </c>
      <c r="M10" s="134">
        <v>0</v>
      </c>
      <c r="N10" s="134">
        <v>0</v>
      </c>
      <c r="O10" s="134">
        <v>0</v>
      </c>
      <c r="P10" s="134">
        <v>0</v>
      </c>
      <c r="Q10" s="134">
        <v>0</v>
      </c>
      <c r="R10" s="130">
        <v>0</v>
      </c>
      <c r="S10" s="131"/>
      <c r="T10" s="129">
        <v>0</v>
      </c>
      <c r="U10" s="134">
        <v>17</v>
      </c>
      <c r="V10" s="134">
        <v>0</v>
      </c>
      <c r="W10" s="134">
        <v>17</v>
      </c>
      <c r="X10" s="134">
        <v>0</v>
      </c>
      <c r="Y10" s="134">
        <v>0</v>
      </c>
      <c r="Z10" s="134">
        <v>0</v>
      </c>
      <c r="AA10" s="134">
        <v>0</v>
      </c>
      <c r="AB10" s="135">
        <v>3</v>
      </c>
      <c r="AC10" s="129">
        <v>58</v>
      </c>
      <c r="AD10" s="134">
        <v>0</v>
      </c>
      <c r="AE10" s="134">
        <v>1</v>
      </c>
      <c r="AF10" s="134">
        <v>0</v>
      </c>
      <c r="AG10" s="134">
        <v>0</v>
      </c>
      <c r="AH10" s="134">
        <v>0</v>
      </c>
      <c r="AI10" s="134">
        <v>0</v>
      </c>
      <c r="AJ10" s="134">
        <v>0</v>
      </c>
      <c r="AK10" s="134">
        <v>0</v>
      </c>
      <c r="AL10" s="134">
        <v>0</v>
      </c>
      <c r="AM10" s="134">
        <v>6</v>
      </c>
      <c r="AN10" s="134">
        <v>2</v>
      </c>
      <c r="AO10" s="134">
        <v>4</v>
      </c>
      <c r="AP10" s="130">
        <v>12</v>
      </c>
      <c r="AQ10" s="131"/>
      <c r="AR10" s="133">
        <v>0</v>
      </c>
      <c r="AS10" s="134">
        <v>0</v>
      </c>
      <c r="AT10" s="134">
        <v>12</v>
      </c>
      <c r="AU10" s="134">
        <v>1</v>
      </c>
      <c r="AV10" s="134">
        <v>0</v>
      </c>
      <c r="AW10" s="134">
        <v>1</v>
      </c>
      <c r="AX10" s="134">
        <v>0</v>
      </c>
      <c r="AY10" s="134">
        <v>2</v>
      </c>
      <c r="AZ10" s="134">
        <v>1</v>
      </c>
      <c r="BA10" s="134">
        <v>0</v>
      </c>
      <c r="BB10" s="134">
        <v>0</v>
      </c>
      <c r="BC10" s="134">
        <v>0</v>
      </c>
      <c r="BD10" s="134">
        <v>0</v>
      </c>
      <c r="BE10" s="134">
        <v>0</v>
      </c>
      <c r="BF10" s="134">
        <v>0</v>
      </c>
      <c r="BG10" s="129">
        <v>12297495</v>
      </c>
      <c r="BH10" s="130">
        <v>504114</v>
      </c>
    </row>
    <row r="11" spans="1:60" ht="16.5" customHeight="1" x14ac:dyDescent="0.2">
      <c r="A11" s="136" t="s">
        <v>75</v>
      </c>
      <c r="B11" s="137">
        <f t="shared" ref="B11:B38" si="7">SUM(C11:BF11)</f>
        <v>251</v>
      </c>
      <c r="C11" s="124">
        <v>0</v>
      </c>
      <c r="D11" s="125">
        <v>5</v>
      </c>
      <c r="E11" s="125">
        <v>81</v>
      </c>
      <c r="F11" s="125">
        <v>34</v>
      </c>
      <c r="G11" s="125">
        <v>2</v>
      </c>
      <c r="H11" s="125">
        <v>3</v>
      </c>
      <c r="I11" s="125">
        <v>2</v>
      </c>
      <c r="J11" s="125">
        <v>0</v>
      </c>
      <c r="K11" s="125">
        <v>13</v>
      </c>
      <c r="L11" s="125">
        <v>10</v>
      </c>
      <c r="M11" s="125">
        <v>0</v>
      </c>
      <c r="N11" s="125">
        <v>0</v>
      </c>
      <c r="O11" s="125">
        <v>3</v>
      </c>
      <c r="P11" s="125">
        <v>1</v>
      </c>
      <c r="Q11" s="125">
        <v>0</v>
      </c>
      <c r="R11" s="126">
        <v>0</v>
      </c>
      <c r="S11" s="136" t="s">
        <v>75</v>
      </c>
      <c r="T11" s="127">
        <v>2</v>
      </c>
      <c r="U11" s="125">
        <v>44</v>
      </c>
      <c r="V11" s="125">
        <v>0</v>
      </c>
      <c r="W11" s="125">
        <v>11</v>
      </c>
      <c r="X11" s="125">
        <v>0</v>
      </c>
      <c r="Y11" s="125">
        <v>0</v>
      </c>
      <c r="Z11" s="125">
        <v>0</v>
      </c>
      <c r="AA11" s="125">
        <v>0</v>
      </c>
      <c r="AB11" s="128">
        <v>0</v>
      </c>
      <c r="AC11" s="127">
        <v>8</v>
      </c>
      <c r="AD11" s="125">
        <v>1</v>
      </c>
      <c r="AE11" s="125">
        <v>0</v>
      </c>
      <c r="AF11" s="125">
        <v>0</v>
      </c>
      <c r="AG11" s="125">
        <v>0</v>
      </c>
      <c r="AH11" s="125">
        <v>0</v>
      </c>
      <c r="AI11" s="125">
        <v>0</v>
      </c>
      <c r="AJ11" s="125">
        <v>0</v>
      </c>
      <c r="AK11" s="125">
        <v>0</v>
      </c>
      <c r="AL11" s="125">
        <v>0</v>
      </c>
      <c r="AM11" s="125">
        <v>5</v>
      </c>
      <c r="AN11" s="125">
        <v>4</v>
      </c>
      <c r="AO11" s="125">
        <v>5</v>
      </c>
      <c r="AP11" s="126">
        <v>3</v>
      </c>
      <c r="AQ11" s="136" t="s">
        <v>75</v>
      </c>
      <c r="AR11" s="124">
        <v>2</v>
      </c>
      <c r="AS11" s="125">
        <v>0</v>
      </c>
      <c r="AT11" s="125">
        <v>1</v>
      </c>
      <c r="AU11" s="125">
        <v>0</v>
      </c>
      <c r="AV11" s="125">
        <v>0</v>
      </c>
      <c r="AW11" s="125">
        <v>0</v>
      </c>
      <c r="AX11" s="125">
        <v>0</v>
      </c>
      <c r="AY11" s="125">
        <v>0</v>
      </c>
      <c r="AZ11" s="125">
        <v>2</v>
      </c>
      <c r="BA11" s="125">
        <v>0</v>
      </c>
      <c r="BB11" s="125">
        <v>5</v>
      </c>
      <c r="BC11" s="125">
        <v>0</v>
      </c>
      <c r="BD11" s="125">
        <v>1</v>
      </c>
      <c r="BE11" s="125">
        <v>2</v>
      </c>
      <c r="BF11" s="125">
        <v>1</v>
      </c>
      <c r="BG11" s="127">
        <v>30593768</v>
      </c>
      <c r="BH11" s="126">
        <v>1347687</v>
      </c>
    </row>
    <row r="12" spans="1:60" ht="16.5" customHeight="1" x14ac:dyDescent="0.2">
      <c r="A12" s="131"/>
      <c r="B12" s="132">
        <f>SUM(C12:BF12)</f>
        <v>150</v>
      </c>
      <c r="C12" s="133">
        <v>0</v>
      </c>
      <c r="D12" s="134">
        <v>11</v>
      </c>
      <c r="E12" s="134">
        <v>35</v>
      </c>
      <c r="F12" s="134">
        <v>27</v>
      </c>
      <c r="G12" s="134">
        <v>1</v>
      </c>
      <c r="H12" s="134">
        <v>0</v>
      </c>
      <c r="I12" s="134">
        <v>1</v>
      </c>
      <c r="J12" s="134">
        <v>0</v>
      </c>
      <c r="K12" s="134">
        <v>3</v>
      </c>
      <c r="L12" s="134">
        <v>0</v>
      </c>
      <c r="M12" s="134">
        <v>0</v>
      </c>
      <c r="N12" s="134">
        <v>0</v>
      </c>
      <c r="O12" s="134">
        <v>1</v>
      </c>
      <c r="P12" s="134">
        <v>0</v>
      </c>
      <c r="Q12" s="134">
        <v>0</v>
      </c>
      <c r="R12" s="130">
        <v>0</v>
      </c>
      <c r="S12" s="131"/>
      <c r="T12" s="129">
        <v>0</v>
      </c>
      <c r="U12" s="134">
        <v>8</v>
      </c>
      <c r="V12" s="134">
        <v>0</v>
      </c>
      <c r="W12" s="134">
        <v>13</v>
      </c>
      <c r="X12" s="134">
        <v>0</v>
      </c>
      <c r="Y12" s="134">
        <v>0</v>
      </c>
      <c r="Z12" s="134">
        <v>0</v>
      </c>
      <c r="AA12" s="134">
        <v>0</v>
      </c>
      <c r="AB12" s="135">
        <v>2</v>
      </c>
      <c r="AC12" s="129">
        <v>12</v>
      </c>
      <c r="AD12" s="134">
        <v>1</v>
      </c>
      <c r="AE12" s="134">
        <v>0</v>
      </c>
      <c r="AF12" s="134">
        <v>0</v>
      </c>
      <c r="AG12" s="134">
        <v>0</v>
      </c>
      <c r="AH12" s="134">
        <v>0</v>
      </c>
      <c r="AI12" s="134">
        <v>0</v>
      </c>
      <c r="AJ12" s="134">
        <v>0</v>
      </c>
      <c r="AK12" s="134">
        <v>0</v>
      </c>
      <c r="AL12" s="134">
        <v>0</v>
      </c>
      <c r="AM12" s="134">
        <v>3</v>
      </c>
      <c r="AN12" s="134">
        <v>0</v>
      </c>
      <c r="AO12" s="134">
        <v>3</v>
      </c>
      <c r="AP12" s="130">
        <v>4</v>
      </c>
      <c r="AQ12" s="131"/>
      <c r="AR12" s="133">
        <v>3</v>
      </c>
      <c r="AS12" s="134">
        <v>1</v>
      </c>
      <c r="AT12" s="134">
        <v>14</v>
      </c>
      <c r="AU12" s="134">
        <v>0</v>
      </c>
      <c r="AV12" s="134">
        <v>1</v>
      </c>
      <c r="AW12" s="134">
        <v>0</v>
      </c>
      <c r="AX12" s="134">
        <v>0</v>
      </c>
      <c r="AY12" s="134">
        <v>3</v>
      </c>
      <c r="AZ12" s="134">
        <v>1</v>
      </c>
      <c r="BA12" s="134">
        <v>0</v>
      </c>
      <c r="BB12" s="134">
        <v>1</v>
      </c>
      <c r="BC12" s="134">
        <v>0</v>
      </c>
      <c r="BD12" s="134">
        <v>0</v>
      </c>
      <c r="BE12" s="134">
        <v>0</v>
      </c>
      <c r="BF12" s="134">
        <v>1</v>
      </c>
      <c r="BG12" s="129">
        <v>7815242</v>
      </c>
      <c r="BH12" s="130">
        <v>397718</v>
      </c>
    </row>
    <row r="13" spans="1:60" ht="16.5" customHeight="1" x14ac:dyDescent="0.2">
      <c r="A13" s="136" t="s">
        <v>76</v>
      </c>
      <c r="B13" s="137">
        <f t="shared" si="7"/>
        <v>395</v>
      </c>
      <c r="C13" s="124">
        <v>3</v>
      </c>
      <c r="D13" s="125">
        <v>9</v>
      </c>
      <c r="E13" s="125">
        <v>99</v>
      </c>
      <c r="F13" s="125">
        <v>44</v>
      </c>
      <c r="G13" s="125">
        <v>4</v>
      </c>
      <c r="H13" s="125">
        <v>0</v>
      </c>
      <c r="I13" s="125">
        <v>8</v>
      </c>
      <c r="J13" s="125">
        <v>0</v>
      </c>
      <c r="K13" s="125">
        <v>20</v>
      </c>
      <c r="L13" s="125">
        <v>22</v>
      </c>
      <c r="M13" s="125">
        <v>1</v>
      </c>
      <c r="N13" s="125">
        <v>2</v>
      </c>
      <c r="O13" s="125">
        <v>4</v>
      </c>
      <c r="P13" s="125">
        <v>18</v>
      </c>
      <c r="Q13" s="125">
        <v>1</v>
      </c>
      <c r="R13" s="126">
        <v>0</v>
      </c>
      <c r="S13" s="136" t="s">
        <v>76</v>
      </c>
      <c r="T13" s="127">
        <v>0</v>
      </c>
      <c r="U13" s="125">
        <v>51</v>
      </c>
      <c r="V13" s="125">
        <v>1</v>
      </c>
      <c r="W13" s="125">
        <v>30</v>
      </c>
      <c r="X13" s="125">
        <v>0</v>
      </c>
      <c r="Y13" s="125">
        <v>0</v>
      </c>
      <c r="Z13" s="125">
        <v>0</v>
      </c>
      <c r="AA13" s="125">
        <v>0</v>
      </c>
      <c r="AB13" s="128">
        <v>0</v>
      </c>
      <c r="AC13" s="127">
        <v>20</v>
      </c>
      <c r="AD13" s="125">
        <v>0</v>
      </c>
      <c r="AE13" s="125">
        <v>1</v>
      </c>
      <c r="AF13" s="125">
        <v>0</v>
      </c>
      <c r="AG13" s="125">
        <v>0</v>
      </c>
      <c r="AH13" s="125">
        <v>0</v>
      </c>
      <c r="AI13" s="125">
        <v>0</v>
      </c>
      <c r="AJ13" s="125">
        <v>0</v>
      </c>
      <c r="AK13" s="125">
        <v>0</v>
      </c>
      <c r="AL13" s="125">
        <v>0</v>
      </c>
      <c r="AM13" s="125">
        <v>7</v>
      </c>
      <c r="AN13" s="125">
        <v>2</v>
      </c>
      <c r="AO13" s="125">
        <v>7</v>
      </c>
      <c r="AP13" s="126">
        <v>7</v>
      </c>
      <c r="AQ13" s="136" t="s">
        <v>76</v>
      </c>
      <c r="AR13" s="124">
        <v>0</v>
      </c>
      <c r="AS13" s="125">
        <v>0</v>
      </c>
      <c r="AT13" s="125">
        <v>4</v>
      </c>
      <c r="AU13" s="125">
        <v>0</v>
      </c>
      <c r="AV13" s="125">
        <v>0</v>
      </c>
      <c r="AW13" s="125">
        <v>0</v>
      </c>
      <c r="AX13" s="125">
        <v>0</v>
      </c>
      <c r="AY13" s="125">
        <v>1</v>
      </c>
      <c r="AZ13" s="125">
        <v>14</v>
      </c>
      <c r="BA13" s="125">
        <v>0</v>
      </c>
      <c r="BB13" s="125">
        <v>5</v>
      </c>
      <c r="BC13" s="125">
        <v>0</v>
      </c>
      <c r="BD13" s="125">
        <v>0</v>
      </c>
      <c r="BE13" s="125">
        <v>5</v>
      </c>
      <c r="BF13" s="125">
        <v>5</v>
      </c>
      <c r="BG13" s="127">
        <v>64533964</v>
      </c>
      <c r="BH13" s="126">
        <v>2641262</v>
      </c>
    </row>
    <row r="14" spans="1:60" ht="16.5" customHeight="1" x14ac:dyDescent="0.2">
      <c r="A14" s="131"/>
      <c r="B14" s="132">
        <f t="shared" si="7"/>
        <v>340</v>
      </c>
      <c r="C14" s="133">
        <v>3</v>
      </c>
      <c r="D14" s="134">
        <v>27</v>
      </c>
      <c r="E14" s="134">
        <v>83</v>
      </c>
      <c r="F14" s="134">
        <v>11</v>
      </c>
      <c r="G14" s="134">
        <v>5</v>
      </c>
      <c r="H14" s="134">
        <v>0</v>
      </c>
      <c r="I14" s="134">
        <v>12</v>
      </c>
      <c r="J14" s="134">
        <v>1</v>
      </c>
      <c r="K14" s="134">
        <v>14</v>
      </c>
      <c r="L14" s="134">
        <v>0</v>
      </c>
      <c r="M14" s="134">
        <v>0</v>
      </c>
      <c r="N14" s="134">
        <v>0</v>
      </c>
      <c r="O14" s="134">
        <v>0</v>
      </c>
      <c r="P14" s="134">
        <v>0</v>
      </c>
      <c r="Q14" s="134">
        <v>0</v>
      </c>
      <c r="R14" s="130">
        <v>0</v>
      </c>
      <c r="S14" s="131"/>
      <c r="T14" s="129">
        <v>0</v>
      </c>
      <c r="U14" s="134">
        <v>29</v>
      </c>
      <c r="V14" s="134">
        <v>0</v>
      </c>
      <c r="W14" s="134">
        <v>13</v>
      </c>
      <c r="X14" s="134">
        <v>0</v>
      </c>
      <c r="Y14" s="134">
        <v>1</v>
      </c>
      <c r="Z14" s="134">
        <v>0</v>
      </c>
      <c r="AA14" s="134">
        <v>0</v>
      </c>
      <c r="AB14" s="135">
        <v>6</v>
      </c>
      <c r="AC14" s="129">
        <v>58</v>
      </c>
      <c r="AD14" s="134">
        <v>0</v>
      </c>
      <c r="AE14" s="134">
        <v>1</v>
      </c>
      <c r="AF14" s="134">
        <v>0</v>
      </c>
      <c r="AG14" s="134">
        <v>0</v>
      </c>
      <c r="AH14" s="134">
        <v>0</v>
      </c>
      <c r="AI14" s="134">
        <v>0</v>
      </c>
      <c r="AJ14" s="134">
        <v>2</v>
      </c>
      <c r="AK14" s="134">
        <v>0</v>
      </c>
      <c r="AL14" s="134">
        <v>0</v>
      </c>
      <c r="AM14" s="134">
        <v>14</v>
      </c>
      <c r="AN14" s="134">
        <v>8</v>
      </c>
      <c r="AO14" s="134">
        <v>12</v>
      </c>
      <c r="AP14" s="130">
        <v>5</v>
      </c>
      <c r="AQ14" s="131"/>
      <c r="AR14" s="133">
        <v>1</v>
      </c>
      <c r="AS14" s="134">
        <v>4</v>
      </c>
      <c r="AT14" s="134">
        <v>19</v>
      </c>
      <c r="AU14" s="134">
        <v>1</v>
      </c>
      <c r="AV14" s="134">
        <v>0</v>
      </c>
      <c r="AW14" s="134">
        <v>2</v>
      </c>
      <c r="AX14" s="134">
        <v>1</v>
      </c>
      <c r="AY14" s="134">
        <v>1</v>
      </c>
      <c r="AZ14" s="134">
        <v>4</v>
      </c>
      <c r="BA14" s="134">
        <v>0</v>
      </c>
      <c r="BB14" s="134">
        <v>0</v>
      </c>
      <c r="BC14" s="134">
        <v>0</v>
      </c>
      <c r="BD14" s="134">
        <v>0</v>
      </c>
      <c r="BE14" s="134">
        <v>0</v>
      </c>
      <c r="BF14" s="134">
        <v>2</v>
      </c>
      <c r="BG14" s="129">
        <v>16985324</v>
      </c>
      <c r="BH14" s="130">
        <v>702532</v>
      </c>
    </row>
    <row r="15" spans="1:60" ht="16.5" customHeight="1" x14ac:dyDescent="0.2">
      <c r="A15" s="136" t="s">
        <v>77</v>
      </c>
      <c r="B15" s="137">
        <f t="shared" si="7"/>
        <v>234</v>
      </c>
      <c r="C15" s="124">
        <v>0</v>
      </c>
      <c r="D15" s="125">
        <v>3</v>
      </c>
      <c r="E15" s="125">
        <v>54</v>
      </c>
      <c r="F15" s="125">
        <v>15</v>
      </c>
      <c r="G15" s="125">
        <v>1</v>
      </c>
      <c r="H15" s="125">
        <v>1</v>
      </c>
      <c r="I15" s="125">
        <v>0</v>
      </c>
      <c r="J15" s="125">
        <v>0</v>
      </c>
      <c r="K15" s="125">
        <v>11</v>
      </c>
      <c r="L15" s="125">
        <v>7</v>
      </c>
      <c r="M15" s="125">
        <v>0</v>
      </c>
      <c r="N15" s="125">
        <v>0</v>
      </c>
      <c r="O15" s="125">
        <v>1</v>
      </c>
      <c r="P15" s="125">
        <v>7</v>
      </c>
      <c r="Q15" s="125">
        <v>0</v>
      </c>
      <c r="R15" s="126">
        <v>0</v>
      </c>
      <c r="S15" s="136" t="s">
        <v>77</v>
      </c>
      <c r="T15" s="127">
        <v>0</v>
      </c>
      <c r="U15" s="125">
        <v>44</v>
      </c>
      <c r="V15" s="125">
        <v>1</v>
      </c>
      <c r="W15" s="125">
        <v>20</v>
      </c>
      <c r="X15" s="125">
        <v>0</v>
      </c>
      <c r="Y15" s="125">
        <v>0</v>
      </c>
      <c r="Z15" s="125">
        <v>0</v>
      </c>
      <c r="AA15" s="125">
        <v>0</v>
      </c>
      <c r="AB15" s="128">
        <v>0</v>
      </c>
      <c r="AC15" s="127">
        <v>15</v>
      </c>
      <c r="AD15" s="125">
        <v>1</v>
      </c>
      <c r="AE15" s="125">
        <v>0</v>
      </c>
      <c r="AF15" s="125">
        <v>0</v>
      </c>
      <c r="AG15" s="125">
        <v>0</v>
      </c>
      <c r="AH15" s="125">
        <v>0</v>
      </c>
      <c r="AI15" s="125">
        <v>0</v>
      </c>
      <c r="AJ15" s="125">
        <v>0</v>
      </c>
      <c r="AK15" s="125">
        <v>0</v>
      </c>
      <c r="AL15" s="125">
        <v>0</v>
      </c>
      <c r="AM15" s="125">
        <v>4</v>
      </c>
      <c r="AN15" s="125">
        <v>4</v>
      </c>
      <c r="AO15" s="125">
        <v>6</v>
      </c>
      <c r="AP15" s="126">
        <v>6</v>
      </c>
      <c r="AQ15" s="136" t="s">
        <v>77</v>
      </c>
      <c r="AR15" s="124">
        <v>0</v>
      </c>
      <c r="AS15" s="125">
        <v>0</v>
      </c>
      <c r="AT15" s="125">
        <v>6</v>
      </c>
      <c r="AU15" s="125">
        <v>0</v>
      </c>
      <c r="AV15" s="125">
        <v>0</v>
      </c>
      <c r="AW15" s="125">
        <v>0</v>
      </c>
      <c r="AX15" s="125">
        <v>0</v>
      </c>
      <c r="AY15" s="125">
        <v>0</v>
      </c>
      <c r="AZ15" s="125">
        <v>7</v>
      </c>
      <c r="BA15" s="125">
        <v>0</v>
      </c>
      <c r="BB15" s="125">
        <v>4</v>
      </c>
      <c r="BC15" s="125">
        <v>7</v>
      </c>
      <c r="BD15" s="125">
        <v>0</v>
      </c>
      <c r="BE15" s="125">
        <v>8</v>
      </c>
      <c r="BF15" s="125">
        <v>1</v>
      </c>
      <c r="BG15" s="127">
        <v>29383137</v>
      </c>
      <c r="BH15" s="126">
        <v>993258</v>
      </c>
    </row>
    <row r="16" spans="1:60" ht="16.5" customHeight="1" x14ac:dyDescent="0.2">
      <c r="A16" s="131"/>
      <c r="B16" s="132">
        <f t="shared" si="7"/>
        <v>153</v>
      </c>
      <c r="C16" s="133">
        <v>1</v>
      </c>
      <c r="D16" s="134">
        <v>9</v>
      </c>
      <c r="E16" s="134">
        <v>6</v>
      </c>
      <c r="F16" s="134">
        <v>33</v>
      </c>
      <c r="G16" s="134">
        <v>0</v>
      </c>
      <c r="H16" s="134">
        <v>0</v>
      </c>
      <c r="I16" s="134">
        <v>0</v>
      </c>
      <c r="J16" s="134">
        <v>0</v>
      </c>
      <c r="K16" s="134">
        <v>9</v>
      </c>
      <c r="L16" s="134">
        <v>0</v>
      </c>
      <c r="M16" s="134">
        <v>0</v>
      </c>
      <c r="N16" s="134">
        <v>0</v>
      </c>
      <c r="O16" s="134">
        <v>1</v>
      </c>
      <c r="P16" s="134">
        <v>0</v>
      </c>
      <c r="Q16" s="134">
        <v>0</v>
      </c>
      <c r="R16" s="130">
        <v>0</v>
      </c>
      <c r="S16" s="131"/>
      <c r="T16" s="129">
        <v>0</v>
      </c>
      <c r="U16" s="134">
        <v>15</v>
      </c>
      <c r="V16" s="134">
        <v>0</v>
      </c>
      <c r="W16" s="134">
        <v>13</v>
      </c>
      <c r="X16" s="134">
        <v>0</v>
      </c>
      <c r="Y16" s="134">
        <v>0</v>
      </c>
      <c r="Z16" s="134">
        <v>0</v>
      </c>
      <c r="AA16" s="134">
        <v>0</v>
      </c>
      <c r="AB16" s="135">
        <v>1</v>
      </c>
      <c r="AC16" s="129">
        <v>33</v>
      </c>
      <c r="AD16" s="134">
        <v>0</v>
      </c>
      <c r="AE16" s="134">
        <v>0</v>
      </c>
      <c r="AF16" s="134">
        <v>0</v>
      </c>
      <c r="AG16" s="134">
        <v>0</v>
      </c>
      <c r="AH16" s="134">
        <v>0</v>
      </c>
      <c r="AI16" s="134">
        <v>0</v>
      </c>
      <c r="AJ16" s="134">
        <v>0</v>
      </c>
      <c r="AK16" s="134">
        <v>0</v>
      </c>
      <c r="AL16" s="134">
        <v>0</v>
      </c>
      <c r="AM16" s="134">
        <v>14</v>
      </c>
      <c r="AN16" s="134">
        <v>2</v>
      </c>
      <c r="AO16" s="134">
        <v>6</v>
      </c>
      <c r="AP16" s="130">
        <v>4</v>
      </c>
      <c r="AQ16" s="131"/>
      <c r="AR16" s="133">
        <v>0</v>
      </c>
      <c r="AS16" s="134">
        <v>0</v>
      </c>
      <c r="AT16" s="134">
        <v>4</v>
      </c>
      <c r="AU16" s="134">
        <v>1</v>
      </c>
      <c r="AV16" s="134">
        <v>0</v>
      </c>
      <c r="AW16" s="134">
        <v>1</v>
      </c>
      <c r="AX16" s="134">
        <v>0</v>
      </c>
      <c r="AY16" s="134">
        <v>0</v>
      </c>
      <c r="AZ16" s="134">
        <v>0</v>
      </c>
      <c r="BA16" s="134">
        <v>0</v>
      </c>
      <c r="BB16" s="134">
        <v>0</v>
      </c>
      <c r="BC16" s="134">
        <v>0</v>
      </c>
      <c r="BD16" s="134">
        <v>0</v>
      </c>
      <c r="BE16" s="134">
        <v>0</v>
      </c>
      <c r="BF16" s="134">
        <v>0</v>
      </c>
      <c r="BG16" s="129">
        <v>6788222</v>
      </c>
      <c r="BH16" s="130">
        <v>166133</v>
      </c>
    </row>
    <row r="17" spans="1:60" ht="16.5" customHeight="1" x14ac:dyDescent="0.2">
      <c r="A17" s="136" t="s">
        <v>78</v>
      </c>
      <c r="B17" s="137">
        <f t="shared" si="7"/>
        <v>219</v>
      </c>
      <c r="C17" s="124">
        <v>0</v>
      </c>
      <c r="D17" s="125">
        <v>5</v>
      </c>
      <c r="E17" s="125">
        <v>63</v>
      </c>
      <c r="F17" s="125">
        <v>15</v>
      </c>
      <c r="G17" s="125">
        <v>1</v>
      </c>
      <c r="H17" s="125">
        <v>4</v>
      </c>
      <c r="I17" s="125">
        <v>11</v>
      </c>
      <c r="J17" s="125">
        <v>0</v>
      </c>
      <c r="K17" s="125">
        <v>0</v>
      </c>
      <c r="L17" s="125">
        <v>17</v>
      </c>
      <c r="M17" s="125">
        <v>0</v>
      </c>
      <c r="N17" s="125">
        <v>0</v>
      </c>
      <c r="O17" s="125">
        <v>4</v>
      </c>
      <c r="P17" s="125">
        <v>2</v>
      </c>
      <c r="Q17" s="125">
        <v>0</v>
      </c>
      <c r="R17" s="126">
        <v>0</v>
      </c>
      <c r="S17" s="136" t="s">
        <v>78</v>
      </c>
      <c r="T17" s="127">
        <v>3</v>
      </c>
      <c r="U17" s="125">
        <v>34</v>
      </c>
      <c r="V17" s="125">
        <v>0</v>
      </c>
      <c r="W17" s="125">
        <v>14</v>
      </c>
      <c r="X17" s="125">
        <v>0</v>
      </c>
      <c r="Y17" s="125">
        <v>0</v>
      </c>
      <c r="Z17" s="125">
        <v>0</v>
      </c>
      <c r="AA17" s="125">
        <v>0</v>
      </c>
      <c r="AB17" s="128">
        <v>0</v>
      </c>
      <c r="AC17" s="127">
        <v>13</v>
      </c>
      <c r="AD17" s="125">
        <v>0</v>
      </c>
      <c r="AE17" s="125">
        <v>0</v>
      </c>
      <c r="AF17" s="125">
        <v>1</v>
      </c>
      <c r="AG17" s="125">
        <v>0</v>
      </c>
      <c r="AH17" s="125">
        <v>0</v>
      </c>
      <c r="AI17" s="125">
        <v>0</v>
      </c>
      <c r="AJ17" s="125">
        <v>1</v>
      </c>
      <c r="AK17" s="125">
        <v>0</v>
      </c>
      <c r="AL17" s="125">
        <v>0</v>
      </c>
      <c r="AM17" s="125">
        <v>4</v>
      </c>
      <c r="AN17" s="125">
        <v>4</v>
      </c>
      <c r="AO17" s="125">
        <v>2</v>
      </c>
      <c r="AP17" s="126">
        <v>3</v>
      </c>
      <c r="AQ17" s="136" t="s">
        <v>78</v>
      </c>
      <c r="AR17" s="124">
        <v>0</v>
      </c>
      <c r="AS17" s="125">
        <v>0</v>
      </c>
      <c r="AT17" s="125">
        <v>2</v>
      </c>
      <c r="AU17" s="125">
        <v>0</v>
      </c>
      <c r="AV17" s="125">
        <v>0</v>
      </c>
      <c r="AW17" s="125">
        <v>0</v>
      </c>
      <c r="AX17" s="125">
        <v>0</v>
      </c>
      <c r="AY17" s="125">
        <v>0</v>
      </c>
      <c r="AZ17" s="125">
        <v>6</v>
      </c>
      <c r="BA17" s="125">
        <v>0</v>
      </c>
      <c r="BB17" s="125">
        <v>5</v>
      </c>
      <c r="BC17" s="125">
        <v>0</v>
      </c>
      <c r="BD17" s="125">
        <v>0</v>
      </c>
      <c r="BE17" s="125">
        <v>5</v>
      </c>
      <c r="BF17" s="125">
        <v>0</v>
      </c>
      <c r="BG17" s="127">
        <v>32110320</v>
      </c>
      <c r="BH17" s="126">
        <v>629110</v>
      </c>
    </row>
    <row r="18" spans="1:60" ht="16.5" customHeight="1" x14ac:dyDescent="0.2">
      <c r="A18" s="131"/>
      <c r="B18" s="132">
        <f t="shared" si="7"/>
        <v>156</v>
      </c>
      <c r="C18" s="133">
        <v>0</v>
      </c>
      <c r="D18" s="134">
        <v>10</v>
      </c>
      <c r="E18" s="134">
        <v>20</v>
      </c>
      <c r="F18" s="134">
        <v>7</v>
      </c>
      <c r="G18" s="134">
        <v>0</v>
      </c>
      <c r="H18" s="134">
        <v>0</v>
      </c>
      <c r="I18" s="134">
        <v>12</v>
      </c>
      <c r="J18" s="134">
        <v>0</v>
      </c>
      <c r="K18" s="134">
        <v>0</v>
      </c>
      <c r="L18" s="134">
        <v>1</v>
      </c>
      <c r="M18" s="134">
        <v>0</v>
      </c>
      <c r="N18" s="134">
        <v>0</v>
      </c>
      <c r="O18" s="134">
        <v>0</v>
      </c>
      <c r="P18" s="134">
        <v>0</v>
      </c>
      <c r="Q18" s="134">
        <v>0</v>
      </c>
      <c r="R18" s="130">
        <v>0</v>
      </c>
      <c r="S18" s="131"/>
      <c r="T18" s="129">
        <v>0</v>
      </c>
      <c r="U18" s="134">
        <v>6</v>
      </c>
      <c r="V18" s="134">
        <v>0</v>
      </c>
      <c r="W18" s="134">
        <v>15</v>
      </c>
      <c r="X18" s="134">
        <v>0</v>
      </c>
      <c r="Y18" s="134">
        <v>1</v>
      </c>
      <c r="Z18" s="134">
        <v>0</v>
      </c>
      <c r="AA18" s="134">
        <v>0</v>
      </c>
      <c r="AB18" s="135">
        <v>3</v>
      </c>
      <c r="AC18" s="129">
        <v>48</v>
      </c>
      <c r="AD18" s="134">
        <v>1</v>
      </c>
      <c r="AE18" s="134">
        <v>0</v>
      </c>
      <c r="AF18" s="134">
        <v>0</v>
      </c>
      <c r="AG18" s="134">
        <v>0</v>
      </c>
      <c r="AH18" s="134">
        <v>0</v>
      </c>
      <c r="AI18" s="134">
        <v>0</v>
      </c>
      <c r="AJ18" s="134">
        <v>0</v>
      </c>
      <c r="AK18" s="134">
        <v>0</v>
      </c>
      <c r="AL18" s="134">
        <v>0</v>
      </c>
      <c r="AM18" s="134">
        <v>4</v>
      </c>
      <c r="AN18" s="134">
        <v>3</v>
      </c>
      <c r="AO18" s="134">
        <v>5</v>
      </c>
      <c r="AP18" s="130">
        <v>5</v>
      </c>
      <c r="AQ18" s="131"/>
      <c r="AR18" s="133">
        <v>1</v>
      </c>
      <c r="AS18" s="134">
        <v>3</v>
      </c>
      <c r="AT18" s="134">
        <v>7</v>
      </c>
      <c r="AU18" s="134">
        <v>1</v>
      </c>
      <c r="AV18" s="134">
        <v>0</v>
      </c>
      <c r="AW18" s="134">
        <v>0</v>
      </c>
      <c r="AX18" s="134">
        <v>2</v>
      </c>
      <c r="AY18" s="134">
        <v>0</v>
      </c>
      <c r="AZ18" s="134">
        <v>0</v>
      </c>
      <c r="BA18" s="134">
        <v>0</v>
      </c>
      <c r="BB18" s="134">
        <v>0</v>
      </c>
      <c r="BC18" s="134">
        <v>0</v>
      </c>
      <c r="BD18" s="134">
        <v>0</v>
      </c>
      <c r="BE18" s="134">
        <v>1</v>
      </c>
      <c r="BF18" s="134">
        <v>0</v>
      </c>
      <c r="BG18" s="129">
        <v>9378261</v>
      </c>
      <c r="BH18" s="130">
        <v>161408</v>
      </c>
    </row>
    <row r="19" spans="1:60" ht="16.5" customHeight="1" x14ac:dyDescent="0.2">
      <c r="A19" s="136" t="s">
        <v>79</v>
      </c>
      <c r="B19" s="137">
        <f t="shared" si="7"/>
        <v>62</v>
      </c>
      <c r="C19" s="124">
        <v>1</v>
      </c>
      <c r="D19" s="125">
        <v>2</v>
      </c>
      <c r="E19" s="125">
        <v>9</v>
      </c>
      <c r="F19" s="125">
        <v>2</v>
      </c>
      <c r="G19" s="125">
        <v>2</v>
      </c>
      <c r="H19" s="125">
        <v>0</v>
      </c>
      <c r="I19" s="125">
        <v>4</v>
      </c>
      <c r="J19" s="125">
        <v>0</v>
      </c>
      <c r="K19" s="125">
        <v>1</v>
      </c>
      <c r="L19" s="125">
        <v>10</v>
      </c>
      <c r="M19" s="125">
        <v>0</v>
      </c>
      <c r="N19" s="125">
        <v>1</v>
      </c>
      <c r="O19" s="125">
        <v>1</v>
      </c>
      <c r="P19" s="125">
        <v>3</v>
      </c>
      <c r="Q19" s="125">
        <v>0</v>
      </c>
      <c r="R19" s="126">
        <v>0</v>
      </c>
      <c r="S19" s="136" t="s">
        <v>79</v>
      </c>
      <c r="T19" s="127">
        <v>0</v>
      </c>
      <c r="U19" s="125">
        <v>9</v>
      </c>
      <c r="V19" s="125">
        <v>0</v>
      </c>
      <c r="W19" s="125">
        <v>13</v>
      </c>
      <c r="X19" s="125">
        <v>0</v>
      </c>
      <c r="Y19" s="125">
        <v>0</v>
      </c>
      <c r="Z19" s="125">
        <v>0</v>
      </c>
      <c r="AA19" s="125">
        <v>0</v>
      </c>
      <c r="AB19" s="128">
        <v>0</v>
      </c>
      <c r="AC19" s="127">
        <v>2</v>
      </c>
      <c r="AD19" s="125">
        <v>0</v>
      </c>
      <c r="AE19" s="125">
        <v>0</v>
      </c>
      <c r="AF19" s="125">
        <v>1</v>
      </c>
      <c r="AG19" s="125">
        <v>0</v>
      </c>
      <c r="AH19" s="125">
        <v>0</v>
      </c>
      <c r="AI19" s="125">
        <v>0</v>
      </c>
      <c r="AJ19" s="125">
        <v>0</v>
      </c>
      <c r="AK19" s="125">
        <v>0</v>
      </c>
      <c r="AL19" s="125">
        <v>0</v>
      </c>
      <c r="AM19" s="125">
        <v>1</v>
      </c>
      <c r="AN19" s="125">
        <v>0</v>
      </c>
      <c r="AO19" s="125">
        <v>0</v>
      </c>
      <c r="AP19" s="126">
        <v>0</v>
      </c>
      <c r="AQ19" s="136" t="s">
        <v>79</v>
      </c>
      <c r="AR19" s="124">
        <v>0</v>
      </c>
      <c r="AS19" s="125">
        <v>0</v>
      </c>
      <c r="AT19" s="125">
        <v>0</v>
      </c>
      <c r="AU19" s="125">
        <v>0</v>
      </c>
      <c r="AV19" s="125">
        <v>0</v>
      </c>
      <c r="AW19" s="125">
        <v>0</v>
      </c>
      <c r="AX19" s="125">
        <v>0</v>
      </c>
      <c r="AY19" s="125">
        <v>0</v>
      </c>
      <c r="AZ19" s="125">
        <v>0</v>
      </c>
      <c r="BA19" s="125">
        <v>0</v>
      </c>
      <c r="BB19" s="125">
        <v>0</v>
      </c>
      <c r="BC19" s="125">
        <v>0</v>
      </c>
      <c r="BD19" s="125">
        <v>0</v>
      </c>
      <c r="BE19" s="125">
        <v>0</v>
      </c>
      <c r="BF19" s="125">
        <v>0</v>
      </c>
      <c r="BG19" s="127">
        <v>9207175</v>
      </c>
      <c r="BH19" s="126">
        <v>464979</v>
      </c>
    </row>
    <row r="20" spans="1:60" ht="16.5" customHeight="1" x14ac:dyDescent="0.2">
      <c r="A20" s="131"/>
      <c r="B20" s="132">
        <f t="shared" si="7"/>
        <v>34</v>
      </c>
      <c r="C20" s="133">
        <v>0</v>
      </c>
      <c r="D20" s="134">
        <v>1</v>
      </c>
      <c r="E20" s="134">
        <v>8</v>
      </c>
      <c r="F20" s="134">
        <v>0</v>
      </c>
      <c r="G20" s="134">
        <v>2</v>
      </c>
      <c r="H20" s="134">
        <v>0</v>
      </c>
      <c r="I20" s="134">
        <v>1</v>
      </c>
      <c r="J20" s="134">
        <v>0</v>
      </c>
      <c r="K20" s="134">
        <v>0</v>
      </c>
      <c r="L20" s="134">
        <v>0</v>
      </c>
      <c r="M20" s="134">
        <v>0</v>
      </c>
      <c r="N20" s="134">
        <v>0</v>
      </c>
      <c r="O20" s="134">
        <v>0</v>
      </c>
      <c r="P20" s="134">
        <v>0</v>
      </c>
      <c r="Q20" s="134">
        <v>0</v>
      </c>
      <c r="R20" s="130">
        <v>0</v>
      </c>
      <c r="S20" s="131"/>
      <c r="T20" s="129">
        <v>0</v>
      </c>
      <c r="U20" s="134">
        <v>4</v>
      </c>
      <c r="V20" s="134">
        <v>0</v>
      </c>
      <c r="W20" s="134">
        <v>7</v>
      </c>
      <c r="X20" s="134">
        <v>0</v>
      </c>
      <c r="Y20" s="134">
        <v>0</v>
      </c>
      <c r="Z20" s="134">
        <v>0</v>
      </c>
      <c r="AA20" s="134">
        <v>0</v>
      </c>
      <c r="AB20" s="135">
        <v>0</v>
      </c>
      <c r="AC20" s="129">
        <v>7</v>
      </c>
      <c r="AD20" s="134">
        <v>0</v>
      </c>
      <c r="AE20" s="134">
        <v>0</v>
      </c>
      <c r="AF20" s="134">
        <v>1</v>
      </c>
      <c r="AG20" s="134">
        <v>0</v>
      </c>
      <c r="AH20" s="134">
        <v>0</v>
      </c>
      <c r="AI20" s="134">
        <v>0</v>
      </c>
      <c r="AJ20" s="134">
        <v>0</v>
      </c>
      <c r="AK20" s="134">
        <v>0</v>
      </c>
      <c r="AL20" s="134">
        <v>0</v>
      </c>
      <c r="AM20" s="134">
        <v>1</v>
      </c>
      <c r="AN20" s="134">
        <v>0</v>
      </c>
      <c r="AO20" s="134">
        <v>0</v>
      </c>
      <c r="AP20" s="130">
        <v>0</v>
      </c>
      <c r="AQ20" s="131"/>
      <c r="AR20" s="133">
        <v>0</v>
      </c>
      <c r="AS20" s="134">
        <v>1</v>
      </c>
      <c r="AT20" s="134">
        <v>0</v>
      </c>
      <c r="AU20" s="134">
        <v>0</v>
      </c>
      <c r="AV20" s="134">
        <v>0</v>
      </c>
      <c r="AW20" s="134">
        <v>0</v>
      </c>
      <c r="AX20" s="134">
        <v>0</v>
      </c>
      <c r="AY20" s="134">
        <v>1</v>
      </c>
      <c r="AZ20" s="134">
        <v>0</v>
      </c>
      <c r="BA20" s="134">
        <v>0</v>
      </c>
      <c r="BB20" s="134">
        <v>0</v>
      </c>
      <c r="BC20" s="134">
        <v>0</v>
      </c>
      <c r="BD20" s="134">
        <v>0</v>
      </c>
      <c r="BE20" s="134">
        <v>0</v>
      </c>
      <c r="BF20" s="134">
        <v>0</v>
      </c>
      <c r="BG20" s="129">
        <v>1243230</v>
      </c>
      <c r="BH20" s="130">
        <v>36886</v>
      </c>
    </row>
    <row r="21" spans="1:60" ht="16.5" customHeight="1" x14ac:dyDescent="0.2">
      <c r="A21" s="136" t="s">
        <v>80</v>
      </c>
      <c r="B21" s="137">
        <f t="shared" si="7"/>
        <v>68</v>
      </c>
      <c r="C21" s="124">
        <v>3</v>
      </c>
      <c r="D21" s="125">
        <v>2</v>
      </c>
      <c r="E21" s="125">
        <v>18</v>
      </c>
      <c r="F21" s="125">
        <v>4</v>
      </c>
      <c r="G21" s="125">
        <v>1</v>
      </c>
      <c r="H21" s="125">
        <v>0</v>
      </c>
      <c r="I21" s="125">
        <v>2</v>
      </c>
      <c r="J21" s="125">
        <v>0</v>
      </c>
      <c r="K21" s="125">
        <v>1</v>
      </c>
      <c r="L21" s="125">
        <v>3</v>
      </c>
      <c r="M21" s="125">
        <v>0</v>
      </c>
      <c r="N21" s="125">
        <v>0</v>
      </c>
      <c r="O21" s="125">
        <v>0</v>
      </c>
      <c r="P21" s="125">
        <v>2</v>
      </c>
      <c r="Q21" s="125">
        <v>0</v>
      </c>
      <c r="R21" s="126">
        <v>0</v>
      </c>
      <c r="S21" s="136" t="s">
        <v>80</v>
      </c>
      <c r="T21" s="127">
        <v>0</v>
      </c>
      <c r="U21" s="125">
        <v>20</v>
      </c>
      <c r="V21" s="125">
        <v>1</v>
      </c>
      <c r="W21" s="125">
        <v>2</v>
      </c>
      <c r="X21" s="125">
        <v>0</v>
      </c>
      <c r="Y21" s="125">
        <v>0</v>
      </c>
      <c r="Z21" s="125">
        <v>0</v>
      </c>
      <c r="AA21" s="125">
        <v>1</v>
      </c>
      <c r="AB21" s="128">
        <v>0</v>
      </c>
      <c r="AC21" s="127">
        <v>1</v>
      </c>
      <c r="AD21" s="125">
        <v>0</v>
      </c>
      <c r="AE21" s="125">
        <v>0</v>
      </c>
      <c r="AF21" s="125">
        <v>0</v>
      </c>
      <c r="AG21" s="125">
        <v>0</v>
      </c>
      <c r="AH21" s="125">
        <v>0</v>
      </c>
      <c r="AI21" s="125">
        <v>0</v>
      </c>
      <c r="AJ21" s="125">
        <v>0</v>
      </c>
      <c r="AK21" s="125">
        <v>0</v>
      </c>
      <c r="AL21" s="125">
        <v>0</v>
      </c>
      <c r="AM21" s="125">
        <v>0</v>
      </c>
      <c r="AN21" s="125">
        <v>0</v>
      </c>
      <c r="AO21" s="125">
        <v>1</v>
      </c>
      <c r="AP21" s="126">
        <v>0</v>
      </c>
      <c r="AQ21" s="136" t="s">
        <v>80</v>
      </c>
      <c r="AR21" s="124">
        <v>0</v>
      </c>
      <c r="AS21" s="125">
        <v>0</v>
      </c>
      <c r="AT21" s="125">
        <v>2</v>
      </c>
      <c r="AU21" s="125">
        <v>0</v>
      </c>
      <c r="AV21" s="125">
        <v>0</v>
      </c>
      <c r="AW21" s="125">
        <v>0</v>
      </c>
      <c r="AX21" s="125">
        <v>0</v>
      </c>
      <c r="AY21" s="125">
        <v>0</v>
      </c>
      <c r="AZ21" s="125">
        <v>1</v>
      </c>
      <c r="BA21" s="125">
        <v>0</v>
      </c>
      <c r="BB21" s="125">
        <v>1</v>
      </c>
      <c r="BC21" s="125">
        <v>1</v>
      </c>
      <c r="BD21" s="125">
        <v>0</v>
      </c>
      <c r="BE21" s="125">
        <v>1</v>
      </c>
      <c r="BF21" s="125">
        <v>0</v>
      </c>
      <c r="BG21" s="127">
        <v>8348379</v>
      </c>
      <c r="BH21" s="126">
        <v>460907</v>
      </c>
    </row>
    <row r="22" spans="1:60" ht="16.5" customHeight="1" x14ac:dyDescent="0.2">
      <c r="A22" s="131"/>
      <c r="B22" s="132">
        <f t="shared" si="7"/>
        <v>38</v>
      </c>
      <c r="C22" s="133">
        <v>0</v>
      </c>
      <c r="D22" s="134">
        <v>2</v>
      </c>
      <c r="E22" s="134">
        <v>14</v>
      </c>
      <c r="F22" s="134">
        <v>2</v>
      </c>
      <c r="G22" s="134">
        <v>0</v>
      </c>
      <c r="H22" s="134">
        <v>0</v>
      </c>
      <c r="I22" s="134">
        <v>2</v>
      </c>
      <c r="J22" s="134">
        <v>1</v>
      </c>
      <c r="K22" s="134">
        <v>0</v>
      </c>
      <c r="L22" s="134">
        <v>0</v>
      </c>
      <c r="M22" s="134">
        <v>0</v>
      </c>
      <c r="N22" s="134">
        <v>0</v>
      </c>
      <c r="O22" s="134">
        <v>0</v>
      </c>
      <c r="P22" s="134">
        <v>1</v>
      </c>
      <c r="Q22" s="134">
        <v>0</v>
      </c>
      <c r="R22" s="130">
        <v>0</v>
      </c>
      <c r="S22" s="131"/>
      <c r="T22" s="129">
        <v>0</v>
      </c>
      <c r="U22" s="134">
        <v>5</v>
      </c>
      <c r="V22" s="134">
        <v>0</v>
      </c>
      <c r="W22" s="134">
        <v>0</v>
      </c>
      <c r="X22" s="134">
        <v>0</v>
      </c>
      <c r="Y22" s="134">
        <v>0</v>
      </c>
      <c r="Z22" s="134">
        <v>0</v>
      </c>
      <c r="AA22" s="134">
        <v>0</v>
      </c>
      <c r="AB22" s="135">
        <v>0</v>
      </c>
      <c r="AC22" s="129">
        <v>3</v>
      </c>
      <c r="AD22" s="134">
        <v>0</v>
      </c>
      <c r="AE22" s="134">
        <v>0</v>
      </c>
      <c r="AF22" s="134">
        <v>0</v>
      </c>
      <c r="AG22" s="134">
        <v>0</v>
      </c>
      <c r="AH22" s="134">
        <v>0</v>
      </c>
      <c r="AI22" s="134">
        <v>0</v>
      </c>
      <c r="AJ22" s="134">
        <v>0</v>
      </c>
      <c r="AK22" s="134">
        <v>0</v>
      </c>
      <c r="AL22" s="134">
        <v>0</v>
      </c>
      <c r="AM22" s="134">
        <v>0</v>
      </c>
      <c r="AN22" s="134">
        <v>0</v>
      </c>
      <c r="AO22" s="134">
        <v>0</v>
      </c>
      <c r="AP22" s="130">
        <v>0</v>
      </c>
      <c r="AQ22" s="131"/>
      <c r="AR22" s="133">
        <v>1</v>
      </c>
      <c r="AS22" s="134">
        <v>0</v>
      </c>
      <c r="AT22" s="134">
        <v>1</v>
      </c>
      <c r="AU22" s="134">
        <v>0</v>
      </c>
      <c r="AV22" s="134">
        <v>0</v>
      </c>
      <c r="AW22" s="134">
        <v>0</v>
      </c>
      <c r="AX22" s="134">
        <v>4</v>
      </c>
      <c r="AY22" s="134">
        <v>2</v>
      </c>
      <c r="AZ22" s="134">
        <v>0</v>
      </c>
      <c r="BA22" s="134">
        <v>0</v>
      </c>
      <c r="BB22" s="134">
        <v>0</v>
      </c>
      <c r="BC22" s="134">
        <v>0</v>
      </c>
      <c r="BD22" s="134">
        <v>0</v>
      </c>
      <c r="BE22" s="134">
        <v>0</v>
      </c>
      <c r="BF22" s="134">
        <v>0</v>
      </c>
      <c r="BG22" s="129">
        <v>1820206</v>
      </c>
      <c r="BH22" s="130">
        <v>19277</v>
      </c>
    </row>
    <row r="23" spans="1:60" ht="16.5" customHeight="1" x14ac:dyDescent="0.2">
      <c r="A23" s="136" t="s">
        <v>81</v>
      </c>
      <c r="B23" s="137">
        <f t="shared" si="7"/>
        <v>178</v>
      </c>
      <c r="C23" s="124">
        <v>1</v>
      </c>
      <c r="D23" s="125">
        <v>4</v>
      </c>
      <c r="E23" s="125">
        <v>68</v>
      </c>
      <c r="F23" s="125">
        <v>4</v>
      </c>
      <c r="G23" s="125">
        <v>0</v>
      </c>
      <c r="H23" s="125">
        <v>1</v>
      </c>
      <c r="I23" s="125">
        <v>9</v>
      </c>
      <c r="J23" s="125">
        <v>0</v>
      </c>
      <c r="K23" s="125">
        <v>1</v>
      </c>
      <c r="L23" s="125">
        <v>16</v>
      </c>
      <c r="M23" s="125">
        <v>0</v>
      </c>
      <c r="N23" s="125">
        <v>0</v>
      </c>
      <c r="O23" s="125">
        <v>2</v>
      </c>
      <c r="P23" s="125">
        <v>9</v>
      </c>
      <c r="Q23" s="125">
        <v>1</v>
      </c>
      <c r="R23" s="126">
        <v>0</v>
      </c>
      <c r="S23" s="136" t="s">
        <v>81</v>
      </c>
      <c r="T23" s="127">
        <v>2</v>
      </c>
      <c r="U23" s="125">
        <v>16</v>
      </c>
      <c r="V23" s="125">
        <v>0</v>
      </c>
      <c r="W23" s="125">
        <v>11</v>
      </c>
      <c r="X23" s="125">
        <v>0</v>
      </c>
      <c r="Y23" s="125">
        <v>0</v>
      </c>
      <c r="Z23" s="125">
        <v>0</v>
      </c>
      <c r="AA23" s="125">
        <v>0</v>
      </c>
      <c r="AB23" s="128">
        <v>0</v>
      </c>
      <c r="AC23" s="127">
        <v>13</v>
      </c>
      <c r="AD23" s="125">
        <v>0</v>
      </c>
      <c r="AE23" s="125">
        <v>0</v>
      </c>
      <c r="AF23" s="125">
        <v>1</v>
      </c>
      <c r="AG23" s="125">
        <v>0</v>
      </c>
      <c r="AH23" s="125">
        <v>0</v>
      </c>
      <c r="AI23" s="125">
        <v>0</v>
      </c>
      <c r="AJ23" s="125">
        <v>0</v>
      </c>
      <c r="AK23" s="125">
        <v>0</v>
      </c>
      <c r="AL23" s="125">
        <v>0</v>
      </c>
      <c r="AM23" s="125">
        <v>4</v>
      </c>
      <c r="AN23" s="125">
        <v>0</v>
      </c>
      <c r="AO23" s="125">
        <v>2</v>
      </c>
      <c r="AP23" s="126">
        <v>4</v>
      </c>
      <c r="AQ23" s="136" t="s">
        <v>81</v>
      </c>
      <c r="AR23" s="124">
        <v>1</v>
      </c>
      <c r="AS23" s="125">
        <v>1</v>
      </c>
      <c r="AT23" s="125">
        <v>3</v>
      </c>
      <c r="AU23" s="125">
        <v>0</v>
      </c>
      <c r="AV23" s="125">
        <v>0</v>
      </c>
      <c r="AW23" s="125">
        <v>0</v>
      </c>
      <c r="AX23" s="125">
        <v>0</v>
      </c>
      <c r="AY23" s="125">
        <v>0</v>
      </c>
      <c r="AZ23" s="125">
        <v>1</v>
      </c>
      <c r="BA23" s="125">
        <v>0</v>
      </c>
      <c r="BB23" s="125">
        <v>2</v>
      </c>
      <c r="BC23" s="125">
        <v>0</v>
      </c>
      <c r="BD23" s="125">
        <v>0</v>
      </c>
      <c r="BE23" s="125">
        <v>1</v>
      </c>
      <c r="BF23" s="125">
        <v>0</v>
      </c>
      <c r="BG23" s="127">
        <v>25080192</v>
      </c>
      <c r="BH23" s="126">
        <v>1300156</v>
      </c>
    </row>
    <row r="24" spans="1:60" ht="16.5" customHeight="1" x14ac:dyDescent="0.2">
      <c r="A24" s="131"/>
      <c r="B24" s="132">
        <f t="shared" si="7"/>
        <v>125</v>
      </c>
      <c r="C24" s="133">
        <v>0</v>
      </c>
      <c r="D24" s="134">
        <v>6</v>
      </c>
      <c r="E24" s="134">
        <v>25</v>
      </c>
      <c r="F24" s="134">
        <v>6</v>
      </c>
      <c r="G24" s="134">
        <v>0</v>
      </c>
      <c r="H24" s="134">
        <v>0</v>
      </c>
      <c r="I24" s="134">
        <v>10</v>
      </c>
      <c r="J24" s="134">
        <v>2</v>
      </c>
      <c r="K24" s="134">
        <v>4</v>
      </c>
      <c r="L24" s="134">
        <v>0</v>
      </c>
      <c r="M24" s="134">
        <v>0</v>
      </c>
      <c r="N24" s="134">
        <v>0</v>
      </c>
      <c r="O24" s="134">
        <v>0</v>
      </c>
      <c r="P24" s="134">
        <v>0</v>
      </c>
      <c r="Q24" s="134">
        <v>0</v>
      </c>
      <c r="R24" s="130">
        <v>0</v>
      </c>
      <c r="S24" s="131"/>
      <c r="T24" s="129">
        <v>1</v>
      </c>
      <c r="U24" s="134">
        <v>6</v>
      </c>
      <c r="V24" s="134">
        <v>0</v>
      </c>
      <c r="W24" s="134">
        <v>5</v>
      </c>
      <c r="X24" s="134">
        <v>0</v>
      </c>
      <c r="Y24" s="134">
        <v>0</v>
      </c>
      <c r="Z24" s="134">
        <v>0</v>
      </c>
      <c r="AA24" s="134">
        <v>0</v>
      </c>
      <c r="AB24" s="135">
        <v>0</v>
      </c>
      <c r="AC24" s="129">
        <v>32</v>
      </c>
      <c r="AD24" s="134">
        <v>1</v>
      </c>
      <c r="AE24" s="134">
        <v>0</v>
      </c>
      <c r="AF24" s="134">
        <v>0</v>
      </c>
      <c r="AG24" s="134">
        <v>0</v>
      </c>
      <c r="AH24" s="134">
        <v>0</v>
      </c>
      <c r="AI24" s="134">
        <v>0</v>
      </c>
      <c r="AJ24" s="134">
        <v>0</v>
      </c>
      <c r="AK24" s="134">
        <v>0</v>
      </c>
      <c r="AL24" s="134">
        <v>0</v>
      </c>
      <c r="AM24" s="134">
        <v>1</v>
      </c>
      <c r="AN24" s="134">
        <v>0</v>
      </c>
      <c r="AO24" s="134">
        <v>2</v>
      </c>
      <c r="AP24" s="130">
        <v>4</v>
      </c>
      <c r="AQ24" s="131"/>
      <c r="AR24" s="133">
        <v>3</v>
      </c>
      <c r="AS24" s="134">
        <v>8</v>
      </c>
      <c r="AT24" s="134">
        <v>6</v>
      </c>
      <c r="AU24" s="134">
        <v>0</v>
      </c>
      <c r="AV24" s="134">
        <v>0</v>
      </c>
      <c r="AW24" s="134">
        <v>1</v>
      </c>
      <c r="AX24" s="134">
        <v>0</v>
      </c>
      <c r="AY24" s="134">
        <v>0</v>
      </c>
      <c r="AZ24" s="134">
        <v>1</v>
      </c>
      <c r="BA24" s="134">
        <v>0</v>
      </c>
      <c r="BB24" s="134">
        <v>0</v>
      </c>
      <c r="BC24" s="134">
        <v>0</v>
      </c>
      <c r="BD24" s="134">
        <v>0</v>
      </c>
      <c r="BE24" s="134">
        <v>1</v>
      </c>
      <c r="BF24" s="134">
        <v>0</v>
      </c>
      <c r="BG24" s="129">
        <v>8275919</v>
      </c>
      <c r="BH24" s="130">
        <v>340546</v>
      </c>
    </row>
    <row r="25" spans="1:60" ht="16.5" customHeight="1" x14ac:dyDescent="0.2">
      <c r="A25" s="136" t="s">
        <v>82</v>
      </c>
      <c r="B25" s="137">
        <f t="shared" si="7"/>
        <v>326</v>
      </c>
      <c r="C25" s="124">
        <v>2</v>
      </c>
      <c r="D25" s="125">
        <v>8</v>
      </c>
      <c r="E25" s="125">
        <v>86</v>
      </c>
      <c r="F25" s="125">
        <v>49</v>
      </c>
      <c r="G25" s="125">
        <v>3</v>
      </c>
      <c r="H25" s="125">
        <v>1</v>
      </c>
      <c r="I25" s="125">
        <v>0</v>
      </c>
      <c r="J25" s="125">
        <v>0</v>
      </c>
      <c r="K25" s="125">
        <v>19</v>
      </c>
      <c r="L25" s="125">
        <v>18</v>
      </c>
      <c r="M25" s="125">
        <v>0</v>
      </c>
      <c r="N25" s="125">
        <v>1</v>
      </c>
      <c r="O25" s="125">
        <v>3</v>
      </c>
      <c r="P25" s="125">
        <v>3</v>
      </c>
      <c r="Q25" s="125">
        <v>0</v>
      </c>
      <c r="R25" s="126">
        <v>1</v>
      </c>
      <c r="S25" s="136" t="s">
        <v>82</v>
      </c>
      <c r="T25" s="127">
        <v>0</v>
      </c>
      <c r="U25" s="125">
        <v>41</v>
      </c>
      <c r="V25" s="125">
        <v>1</v>
      </c>
      <c r="W25" s="125">
        <v>18</v>
      </c>
      <c r="X25" s="125">
        <v>0</v>
      </c>
      <c r="Y25" s="125">
        <v>0</v>
      </c>
      <c r="Z25" s="125">
        <v>0</v>
      </c>
      <c r="AA25" s="125">
        <v>0</v>
      </c>
      <c r="AB25" s="128">
        <v>0</v>
      </c>
      <c r="AC25" s="127">
        <v>34</v>
      </c>
      <c r="AD25" s="125">
        <v>0</v>
      </c>
      <c r="AE25" s="125">
        <v>0</v>
      </c>
      <c r="AF25" s="125">
        <v>0</v>
      </c>
      <c r="AG25" s="125">
        <v>0</v>
      </c>
      <c r="AH25" s="125">
        <v>0</v>
      </c>
      <c r="AI25" s="125">
        <v>0</v>
      </c>
      <c r="AJ25" s="125">
        <v>0</v>
      </c>
      <c r="AK25" s="125">
        <v>0</v>
      </c>
      <c r="AL25" s="125">
        <v>0</v>
      </c>
      <c r="AM25" s="125">
        <v>2</v>
      </c>
      <c r="AN25" s="125">
        <v>1</v>
      </c>
      <c r="AO25" s="125">
        <v>9</v>
      </c>
      <c r="AP25" s="126">
        <v>5</v>
      </c>
      <c r="AQ25" s="136" t="s">
        <v>82</v>
      </c>
      <c r="AR25" s="124">
        <v>0</v>
      </c>
      <c r="AS25" s="125">
        <v>0</v>
      </c>
      <c r="AT25" s="125">
        <v>5</v>
      </c>
      <c r="AU25" s="125">
        <v>0</v>
      </c>
      <c r="AV25" s="125">
        <v>0</v>
      </c>
      <c r="AW25" s="125">
        <v>0</v>
      </c>
      <c r="AX25" s="125">
        <v>1</v>
      </c>
      <c r="AY25" s="125">
        <v>0</v>
      </c>
      <c r="AZ25" s="125">
        <v>6</v>
      </c>
      <c r="BA25" s="125">
        <v>0</v>
      </c>
      <c r="BB25" s="125">
        <v>4</v>
      </c>
      <c r="BC25" s="125">
        <v>0</v>
      </c>
      <c r="BD25" s="125">
        <v>0</v>
      </c>
      <c r="BE25" s="125">
        <v>4</v>
      </c>
      <c r="BF25" s="125">
        <v>1</v>
      </c>
      <c r="BG25" s="127">
        <v>43412878</v>
      </c>
      <c r="BH25" s="126">
        <v>1196533</v>
      </c>
    </row>
    <row r="26" spans="1:60" ht="16.5" customHeight="1" x14ac:dyDescent="0.2">
      <c r="A26" s="131"/>
      <c r="B26" s="132">
        <f t="shared" si="7"/>
        <v>281</v>
      </c>
      <c r="C26" s="133">
        <v>1</v>
      </c>
      <c r="D26" s="134">
        <v>6</v>
      </c>
      <c r="E26" s="134">
        <v>20</v>
      </c>
      <c r="F26" s="134">
        <v>54</v>
      </c>
      <c r="G26" s="134">
        <v>0</v>
      </c>
      <c r="H26" s="134">
        <v>0</v>
      </c>
      <c r="I26" s="134">
        <v>0</v>
      </c>
      <c r="J26" s="134">
        <v>0</v>
      </c>
      <c r="K26" s="134">
        <v>13</v>
      </c>
      <c r="L26" s="134">
        <v>1</v>
      </c>
      <c r="M26" s="134">
        <v>0</v>
      </c>
      <c r="N26" s="134">
        <v>0</v>
      </c>
      <c r="O26" s="134">
        <v>0</v>
      </c>
      <c r="P26" s="134">
        <v>0</v>
      </c>
      <c r="Q26" s="134">
        <v>0</v>
      </c>
      <c r="R26" s="130">
        <v>0</v>
      </c>
      <c r="S26" s="131"/>
      <c r="T26" s="129">
        <v>0</v>
      </c>
      <c r="U26" s="134">
        <v>14</v>
      </c>
      <c r="V26" s="134">
        <v>0</v>
      </c>
      <c r="W26" s="134">
        <v>35</v>
      </c>
      <c r="X26" s="134">
        <v>0</v>
      </c>
      <c r="Y26" s="134">
        <v>0</v>
      </c>
      <c r="Z26" s="134">
        <v>0</v>
      </c>
      <c r="AA26" s="134">
        <v>0</v>
      </c>
      <c r="AB26" s="135">
        <v>2</v>
      </c>
      <c r="AC26" s="129">
        <v>85</v>
      </c>
      <c r="AD26" s="134">
        <v>0</v>
      </c>
      <c r="AE26" s="134">
        <v>0</v>
      </c>
      <c r="AF26" s="134">
        <v>0</v>
      </c>
      <c r="AG26" s="134">
        <v>0</v>
      </c>
      <c r="AH26" s="134">
        <v>0</v>
      </c>
      <c r="AI26" s="134">
        <v>0</v>
      </c>
      <c r="AJ26" s="134">
        <v>0</v>
      </c>
      <c r="AK26" s="134">
        <v>0</v>
      </c>
      <c r="AL26" s="134">
        <v>0</v>
      </c>
      <c r="AM26" s="134">
        <v>4</v>
      </c>
      <c r="AN26" s="134">
        <v>2</v>
      </c>
      <c r="AO26" s="134">
        <v>5</v>
      </c>
      <c r="AP26" s="130">
        <v>6</v>
      </c>
      <c r="AQ26" s="131"/>
      <c r="AR26" s="133">
        <v>1</v>
      </c>
      <c r="AS26" s="134">
        <v>4</v>
      </c>
      <c r="AT26" s="134">
        <v>19</v>
      </c>
      <c r="AU26" s="134">
        <v>0</v>
      </c>
      <c r="AV26" s="134">
        <v>0</v>
      </c>
      <c r="AW26" s="134">
        <v>0</v>
      </c>
      <c r="AX26" s="134">
        <v>1</v>
      </c>
      <c r="AY26" s="134">
        <v>3</v>
      </c>
      <c r="AZ26" s="134">
        <v>3</v>
      </c>
      <c r="BA26" s="134">
        <v>0</v>
      </c>
      <c r="BB26" s="134">
        <v>2</v>
      </c>
      <c r="BC26" s="134">
        <v>0</v>
      </c>
      <c r="BD26" s="134">
        <v>0</v>
      </c>
      <c r="BE26" s="134">
        <v>0</v>
      </c>
      <c r="BF26" s="134">
        <v>0</v>
      </c>
      <c r="BG26" s="129">
        <v>11873757</v>
      </c>
      <c r="BH26" s="130">
        <v>385963</v>
      </c>
    </row>
    <row r="27" spans="1:60" ht="16.5" customHeight="1" x14ac:dyDescent="0.2">
      <c r="A27" s="136" t="s">
        <v>83</v>
      </c>
      <c r="B27" s="137">
        <f t="shared" si="7"/>
        <v>210</v>
      </c>
      <c r="C27" s="124">
        <v>0</v>
      </c>
      <c r="D27" s="125">
        <v>11</v>
      </c>
      <c r="E27" s="125">
        <v>58</v>
      </c>
      <c r="F27" s="125">
        <v>10</v>
      </c>
      <c r="G27" s="125">
        <v>4</v>
      </c>
      <c r="H27" s="125">
        <v>1</v>
      </c>
      <c r="I27" s="125">
        <v>0</v>
      </c>
      <c r="J27" s="125">
        <v>0</v>
      </c>
      <c r="K27" s="125">
        <v>14</v>
      </c>
      <c r="L27" s="125">
        <v>13</v>
      </c>
      <c r="M27" s="125">
        <v>0</v>
      </c>
      <c r="N27" s="125">
        <v>2</v>
      </c>
      <c r="O27" s="125">
        <v>0</v>
      </c>
      <c r="P27" s="125">
        <v>9</v>
      </c>
      <c r="Q27" s="125">
        <v>0</v>
      </c>
      <c r="R27" s="126">
        <v>1</v>
      </c>
      <c r="S27" s="136" t="s">
        <v>83</v>
      </c>
      <c r="T27" s="127">
        <v>0</v>
      </c>
      <c r="U27" s="125">
        <v>31</v>
      </c>
      <c r="V27" s="125">
        <v>0</v>
      </c>
      <c r="W27" s="125">
        <v>11</v>
      </c>
      <c r="X27" s="125">
        <v>0</v>
      </c>
      <c r="Y27" s="125">
        <v>0</v>
      </c>
      <c r="Z27" s="125">
        <v>0</v>
      </c>
      <c r="AA27" s="125">
        <v>0</v>
      </c>
      <c r="AB27" s="128">
        <v>0</v>
      </c>
      <c r="AC27" s="127">
        <v>16</v>
      </c>
      <c r="AD27" s="125">
        <v>0</v>
      </c>
      <c r="AE27" s="125">
        <v>0</v>
      </c>
      <c r="AF27" s="125">
        <v>1</v>
      </c>
      <c r="AG27" s="125">
        <v>0</v>
      </c>
      <c r="AH27" s="125">
        <v>0</v>
      </c>
      <c r="AI27" s="125">
        <v>0</v>
      </c>
      <c r="AJ27" s="125">
        <v>0</v>
      </c>
      <c r="AK27" s="125">
        <v>0</v>
      </c>
      <c r="AL27" s="125">
        <v>0</v>
      </c>
      <c r="AM27" s="125">
        <v>1</v>
      </c>
      <c r="AN27" s="125">
        <v>2</v>
      </c>
      <c r="AO27" s="125">
        <v>5</v>
      </c>
      <c r="AP27" s="126">
        <v>6</v>
      </c>
      <c r="AQ27" s="136" t="s">
        <v>83</v>
      </c>
      <c r="AR27" s="124">
        <v>0</v>
      </c>
      <c r="AS27" s="125">
        <v>0</v>
      </c>
      <c r="AT27" s="125">
        <v>2</v>
      </c>
      <c r="AU27" s="125">
        <v>0</v>
      </c>
      <c r="AV27" s="125">
        <v>0</v>
      </c>
      <c r="AW27" s="125">
        <v>0</v>
      </c>
      <c r="AX27" s="125">
        <v>0</v>
      </c>
      <c r="AY27" s="125">
        <v>0</v>
      </c>
      <c r="AZ27" s="125">
        <v>4</v>
      </c>
      <c r="BA27" s="125">
        <v>0</v>
      </c>
      <c r="BB27" s="125">
        <v>3</v>
      </c>
      <c r="BC27" s="125">
        <v>0</v>
      </c>
      <c r="BD27" s="125">
        <v>0</v>
      </c>
      <c r="BE27" s="125">
        <v>5</v>
      </c>
      <c r="BF27" s="125">
        <v>0</v>
      </c>
      <c r="BG27" s="127">
        <v>35021955</v>
      </c>
      <c r="BH27" s="126">
        <v>952453</v>
      </c>
    </row>
    <row r="28" spans="1:60" ht="16.5" customHeight="1" x14ac:dyDescent="0.2">
      <c r="A28" s="131"/>
      <c r="B28" s="132">
        <f t="shared" si="7"/>
        <v>172</v>
      </c>
      <c r="C28" s="133">
        <v>1</v>
      </c>
      <c r="D28" s="134">
        <v>9</v>
      </c>
      <c r="E28" s="134">
        <v>23</v>
      </c>
      <c r="F28" s="134">
        <v>11</v>
      </c>
      <c r="G28" s="134">
        <v>1</v>
      </c>
      <c r="H28" s="134">
        <v>0</v>
      </c>
      <c r="I28" s="134">
        <v>4</v>
      </c>
      <c r="J28" s="134">
        <v>0</v>
      </c>
      <c r="K28" s="134">
        <v>7</v>
      </c>
      <c r="L28" s="134">
        <v>0</v>
      </c>
      <c r="M28" s="134">
        <v>0</v>
      </c>
      <c r="N28" s="134">
        <v>0</v>
      </c>
      <c r="O28" s="134">
        <v>0</v>
      </c>
      <c r="P28" s="134">
        <v>0</v>
      </c>
      <c r="Q28" s="134">
        <v>0</v>
      </c>
      <c r="R28" s="130">
        <v>0</v>
      </c>
      <c r="S28" s="131"/>
      <c r="T28" s="129">
        <v>0</v>
      </c>
      <c r="U28" s="134">
        <v>29</v>
      </c>
      <c r="V28" s="134">
        <v>0</v>
      </c>
      <c r="W28" s="134">
        <v>9</v>
      </c>
      <c r="X28" s="134">
        <v>0</v>
      </c>
      <c r="Y28" s="134">
        <v>0</v>
      </c>
      <c r="Z28" s="134">
        <v>0</v>
      </c>
      <c r="AA28" s="134">
        <v>0</v>
      </c>
      <c r="AB28" s="135">
        <v>0</v>
      </c>
      <c r="AC28" s="129">
        <v>45</v>
      </c>
      <c r="AD28" s="134">
        <v>0</v>
      </c>
      <c r="AE28" s="134">
        <v>1</v>
      </c>
      <c r="AF28" s="134">
        <v>0</v>
      </c>
      <c r="AG28" s="134">
        <v>0</v>
      </c>
      <c r="AH28" s="134">
        <v>0</v>
      </c>
      <c r="AI28" s="134">
        <v>0</v>
      </c>
      <c r="AJ28" s="134">
        <v>0</v>
      </c>
      <c r="AK28" s="134">
        <v>0</v>
      </c>
      <c r="AL28" s="134">
        <v>0</v>
      </c>
      <c r="AM28" s="134">
        <v>4</v>
      </c>
      <c r="AN28" s="134">
        <v>2</v>
      </c>
      <c r="AO28" s="134">
        <v>2</v>
      </c>
      <c r="AP28" s="130">
        <v>9</v>
      </c>
      <c r="AQ28" s="131"/>
      <c r="AR28" s="133">
        <v>1</v>
      </c>
      <c r="AS28" s="134">
        <v>1</v>
      </c>
      <c r="AT28" s="134">
        <v>11</v>
      </c>
      <c r="AU28" s="134">
        <v>0</v>
      </c>
      <c r="AV28" s="134">
        <v>0</v>
      </c>
      <c r="AW28" s="134">
        <v>0</v>
      </c>
      <c r="AX28" s="134">
        <v>0</v>
      </c>
      <c r="AY28" s="134">
        <v>0</v>
      </c>
      <c r="AZ28" s="134">
        <v>2</v>
      </c>
      <c r="BA28" s="134">
        <v>0</v>
      </c>
      <c r="BB28" s="134">
        <v>0</v>
      </c>
      <c r="BC28" s="134">
        <v>0</v>
      </c>
      <c r="BD28" s="134">
        <v>0</v>
      </c>
      <c r="BE28" s="134">
        <v>0</v>
      </c>
      <c r="BF28" s="134">
        <v>0</v>
      </c>
      <c r="BG28" s="129">
        <v>7804495</v>
      </c>
      <c r="BH28" s="130">
        <v>281921</v>
      </c>
    </row>
    <row r="29" spans="1:60" ht="16.5" customHeight="1" x14ac:dyDescent="0.2">
      <c r="A29" s="136" t="s">
        <v>84</v>
      </c>
      <c r="B29" s="137">
        <f t="shared" si="7"/>
        <v>114</v>
      </c>
      <c r="C29" s="124">
        <v>1</v>
      </c>
      <c r="D29" s="125">
        <v>7</v>
      </c>
      <c r="E29" s="125">
        <v>34</v>
      </c>
      <c r="F29" s="125">
        <v>5</v>
      </c>
      <c r="G29" s="125">
        <v>1</v>
      </c>
      <c r="H29" s="125">
        <v>3</v>
      </c>
      <c r="I29" s="125">
        <v>3</v>
      </c>
      <c r="J29" s="125">
        <v>0</v>
      </c>
      <c r="K29" s="125">
        <v>5</v>
      </c>
      <c r="L29" s="125">
        <v>9</v>
      </c>
      <c r="M29" s="125">
        <v>0</v>
      </c>
      <c r="N29" s="125">
        <v>1</v>
      </c>
      <c r="O29" s="125">
        <v>1</v>
      </c>
      <c r="P29" s="125">
        <v>5</v>
      </c>
      <c r="Q29" s="125">
        <v>0</v>
      </c>
      <c r="R29" s="126">
        <v>0</v>
      </c>
      <c r="S29" s="136" t="s">
        <v>84</v>
      </c>
      <c r="T29" s="127">
        <v>1</v>
      </c>
      <c r="U29" s="125">
        <v>11</v>
      </c>
      <c r="V29" s="125">
        <v>0</v>
      </c>
      <c r="W29" s="125">
        <v>8</v>
      </c>
      <c r="X29" s="125">
        <v>0</v>
      </c>
      <c r="Y29" s="125">
        <v>0</v>
      </c>
      <c r="Z29" s="125">
        <v>0</v>
      </c>
      <c r="AA29" s="125">
        <v>0</v>
      </c>
      <c r="AB29" s="128">
        <v>0</v>
      </c>
      <c r="AC29" s="127">
        <v>6</v>
      </c>
      <c r="AD29" s="125">
        <v>0</v>
      </c>
      <c r="AE29" s="125">
        <v>0</v>
      </c>
      <c r="AF29" s="125">
        <v>0</v>
      </c>
      <c r="AG29" s="125">
        <v>0</v>
      </c>
      <c r="AH29" s="125">
        <v>0</v>
      </c>
      <c r="AI29" s="125">
        <v>0</v>
      </c>
      <c r="AJ29" s="125">
        <v>0</v>
      </c>
      <c r="AK29" s="125">
        <v>0</v>
      </c>
      <c r="AL29" s="125">
        <v>0</v>
      </c>
      <c r="AM29" s="125">
        <v>0</v>
      </c>
      <c r="AN29" s="125">
        <v>1</v>
      </c>
      <c r="AO29" s="125">
        <v>1</v>
      </c>
      <c r="AP29" s="126">
        <v>5</v>
      </c>
      <c r="AQ29" s="136" t="s">
        <v>84</v>
      </c>
      <c r="AR29" s="124">
        <v>0</v>
      </c>
      <c r="AS29" s="125">
        <v>0</v>
      </c>
      <c r="AT29" s="125">
        <v>1</v>
      </c>
      <c r="AU29" s="125">
        <v>0</v>
      </c>
      <c r="AV29" s="125">
        <v>0</v>
      </c>
      <c r="AW29" s="125">
        <v>0</v>
      </c>
      <c r="AX29" s="125">
        <v>0</v>
      </c>
      <c r="AY29" s="125">
        <v>0</v>
      </c>
      <c r="AZ29" s="125">
        <v>3</v>
      </c>
      <c r="BA29" s="125">
        <v>0</v>
      </c>
      <c r="BB29" s="125">
        <v>1</v>
      </c>
      <c r="BC29" s="125">
        <v>0</v>
      </c>
      <c r="BD29" s="125">
        <v>0</v>
      </c>
      <c r="BE29" s="125">
        <v>0</v>
      </c>
      <c r="BF29" s="125">
        <v>1</v>
      </c>
      <c r="BG29" s="127">
        <v>18526806</v>
      </c>
      <c r="BH29" s="126">
        <v>918071</v>
      </c>
    </row>
    <row r="30" spans="1:60" ht="16.5" customHeight="1" x14ac:dyDescent="0.2">
      <c r="A30" s="131"/>
      <c r="B30" s="132">
        <f t="shared" si="7"/>
        <v>78</v>
      </c>
      <c r="C30" s="133">
        <v>0</v>
      </c>
      <c r="D30" s="134">
        <v>2</v>
      </c>
      <c r="E30" s="134">
        <v>16</v>
      </c>
      <c r="F30" s="134">
        <v>2</v>
      </c>
      <c r="G30" s="134">
        <v>0</v>
      </c>
      <c r="H30" s="134">
        <v>0</v>
      </c>
      <c r="I30" s="134">
        <v>1</v>
      </c>
      <c r="J30" s="134">
        <v>4</v>
      </c>
      <c r="K30" s="134">
        <v>4</v>
      </c>
      <c r="L30" s="134">
        <v>0</v>
      </c>
      <c r="M30" s="134">
        <v>0</v>
      </c>
      <c r="N30" s="134">
        <v>0</v>
      </c>
      <c r="O30" s="134">
        <v>0</v>
      </c>
      <c r="P30" s="134">
        <v>0</v>
      </c>
      <c r="Q30" s="134">
        <v>0</v>
      </c>
      <c r="R30" s="130">
        <v>0</v>
      </c>
      <c r="S30" s="131"/>
      <c r="T30" s="129">
        <v>0</v>
      </c>
      <c r="U30" s="134">
        <v>9</v>
      </c>
      <c r="V30" s="134">
        <v>0</v>
      </c>
      <c r="W30" s="134">
        <v>4</v>
      </c>
      <c r="X30" s="134">
        <v>0</v>
      </c>
      <c r="Y30" s="134">
        <v>0</v>
      </c>
      <c r="Z30" s="134">
        <v>0</v>
      </c>
      <c r="AA30" s="134">
        <v>0</v>
      </c>
      <c r="AB30" s="135">
        <v>0</v>
      </c>
      <c r="AC30" s="129">
        <v>21</v>
      </c>
      <c r="AD30" s="134">
        <v>1</v>
      </c>
      <c r="AE30" s="134">
        <v>0</v>
      </c>
      <c r="AF30" s="134">
        <v>1</v>
      </c>
      <c r="AG30" s="134">
        <v>0</v>
      </c>
      <c r="AH30" s="134">
        <v>0</v>
      </c>
      <c r="AI30" s="134">
        <v>0</v>
      </c>
      <c r="AJ30" s="134">
        <v>0</v>
      </c>
      <c r="AK30" s="134">
        <v>0</v>
      </c>
      <c r="AL30" s="134">
        <v>0</v>
      </c>
      <c r="AM30" s="134">
        <v>0</v>
      </c>
      <c r="AN30" s="134">
        <v>2</v>
      </c>
      <c r="AO30" s="134">
        <v>3</v>
      </c>
      <c r="AP30" s="130">
        <v>1</v>
      </c>
      <c r="AQ30" s="131"/>
      <c r="AR30" s="133">
        <v>2</v>
      </c>
      <c r="AS30" s="134">
        <v>2</v>
      </c>
      <c r="AT30" s="134">
        <v>1</v>
      </c>
      <c r="AU30" s="134">
        <v>2</v>
      </c>
      <c r="AV30" s="134">
        <v>0</v>
      </c>
      <c r="AW30" s="134">
        <v>0</v>
      </c>
      <c r="AX30" s="134">
        <v>0</v>
      </c>
      <c r="AY30" s="134">
        <v>0</v>
      </c>
      <c r="AZ30" s="134">
        <v>0</v>
      </c>
      <c r="BA30" s="134">
        <v>0</v>
      </c>
      <c r="BB30" s="134">
        <v>0</v>
      </c>
      <c r="BC30" s="134">
        <v>0</v>
      </c>
      <c r="BD30" s="134">
        <v>0</v>
      </c>
      <c r="BE30" s="134">
        <v>0</v>
      </c>
      <c r="BF30" s="134">
        <v>0</v>
      </c>
      <c r="BG30" s="129">
        <v>4615123</v>
      </c>
      <c r="BH30" s="130">
        <v>156882</v>
      </c>
    </row>
    <row r="31" spans="1:60" ht="16.5" customHeight="1" x14ac:dyDescent="0.2">
      <c r="A31" s="136" t="s">
        <v>85</v>
      </c>
      <c r="B31" s="137">
        <f t="shared" si="7"/>
        <v>151</v>
      </c>
      <c r="C31" s="124">
        <v>2</v>
      </c>
      <c r="D31" s="125">
        <v>3</v>
      </c>
      <c r="E31" s="125">
        <v>37</v>
      </c>
      <c r="F31" s="125">
        <v>20</v>
      </c>
      <c r="G31" s="125">
        <v>5</v>
      </c>
      <c r="H31" s="125">
        <v>2</v>
      </c>
      <c r="I31" s="125">
        <v>3</v>
      </c>
      <c r="J31" s="125">
        <v>0</v>
      </c>
      <c r="K31" s="125">
        <v>9</v>
      </c>
      <c r="L31" s="125">
        <v>8</v>
      </c>
      <c r="M31" s="125">
        <v>0</v>
      </c>
      <c r="N31" s="125">
        <v>0</v>
      </c>
      <c r="O31" s="125">
        <v>0</v>
      </c>
      <c r="P31" s="125">
        <v>1</v>
      </c>
      <c r="Q31" s="125">
        <v>0</v>
      </c>
      <c r="R31" s="126">
        <v>0</v>
      </c>
      <c r="S31" s="136" t="s">
        <v>85</v>
      </c>
      <c r="T31" s="127">
        <v>0</v>
      </c>
      <c r="U31" s="125">
        <v>22</v>
      </c>
      <c r="V31" s="125">
        <v>0</v>
      </c>
      <c r="W31" s="125">
        <v>14</v>
      </c>
      <c r="X31" s="125">
        <v>0</v>
      </c>
      <c r="Y31" s="125">
        <v>1</v>
      </c>
      <c r="Z31" s="125">
        <v>0</v>
      </c>
      <c r="AA31" s="125">
        <v>0</v>
      </c>
      <c r="AB31" s="128">
        <v>0</v>
      </c>
      <c r="AC31" s="127">
        <v>7</v>
      </c>
      <c r="AD31" s="125">
        <v>0</v>
      </c>
      <c r="AE31" s="125">
        <v>0</v>
      </c>
      <c r="AF31" s="125">
        <v>1</v>
      </c>
      <c r="AG31" s="125">
        <v>0</v>
      </c>
      <c r="AH31" s="125">
        <v>4</v>
      </c>
      <c r="AI31" s="125">
        <v>0</v>
      </c>
      <c r="AJ31" s="125">
        <v>0</v>
      </c>
      <c r="AK31" s="125">
        <v>0</v>
      </c>
      <c r="AL31" s="125">
        <v>0</v>
      </c>
      <c r="AM31" s="125">
        <v>0</v>
      </c>
      <c r="AN31" s="125">
        <v>2</v>
      </c>
      <c r="AO31" s="125">
        <v>1</v>
      </c>
      <c r="AP31" s="126">
        <v>4</v>
      </c>
      <c r="AQ31" s="136" t="s">
        <v>85</v>
      </c>
      <c r="AR31" s="124">
        <v>0</v>
      </c>
      <c r="AS31" s="125">
        <v>0</v>
      </c>
      <c r="AT31" s="125">
        <v>0</v>
      </c>
      <c r="AU31" s="125">
        <v>0</v>
      </c>
      <c r="AV31" s="125">
        <v>0</v>
      </c>
      <c r="AW31" s="125">
        <v>0</v>
      </c>
      <c r="AX31" s="125">
        <v>0</v>
      </c>
      <c r="AY31" s="125">
        <v>0</v>
      </c>
      <c r="AZ31" s="125">
        <v>1</v>
      </c>
      <c r="BA31" s="125">
        <v>0</v>
      </c>
      <c r="BB31" s="125">
        <v>0</v>
      </c>
      <c r="BC31" s="125">
        <v>1</v>
      </c>
      <c r="BD31" s="125">
        <v>1</v>
      </c>
      <c r="BE31" s="125">
        <v>2</v>
      </c>
      <c r="BF31" s="125">
        <v>0</v>
      </c>
      <c r="BG31" s="127">
        <v>23394791</v>
      </c>
      <c r="BH31" s="126">
        <v>808628</v>
      </c>
    </row>
    <row r="32" spans="1:60" ht="16.5" customHeight="1" x14ac:dyDescent="0.2">
      <c r="A32" s="131"/>
      <c r="B32" s="132">
        <f t="shared" si="7"/>
        <v>89</v>
      </c>
      <c r="C32" s="133">
        <v>2</v>
      </c>
      <c r="D32" s="134">
        <v>4</v>
      </c>
      <c r="E32" s="134">
        <v>6</v>
      </c>
      <c r="F32" s="134">
        <v>14</v>
      </c>
      <c r="G32" s="134">
        <v>0</v>
      </c>
      <c r="H32" s="134">
        <v>0</v>
      </c>
      <c r="I32" s="134">
        <v>3</v>
      </c>
      <c r="J32" s="134">
        <v>0</v>
      </c>
      <c r="K32" s="134">
        <v>2</v>
      </c>
      <c r="L32" s="134">
        <v>0</v>
      </c>
      <c r="M32" s="134">
        <v>0</v>
      </c>
      <c r="N32" s="134">
        <v>0</v>
      </c>
      <c r="O32" s="134">
        <v>0</v>
      </c>
      <c r="P32" s="134">
        <v>0</v>
      </c>
      <c r="Q32" s="134">
        <v>0</v>
      </c>
      <c r="R32" s="130">
        <v>0</v>
      </c>
      <c r="S32" s="131"/>
      <c r="T32" s="129">
        <v>0</v>
      </c>
      <c r="U32" s="134">
        <v>13</v>
      </c>
      <c r="V32" s="134">
        <v>0</v>
      </c>
      <c r="W32" s="134">
        <v>5</v>
      </c>
      <c r="X32" s="134">
        <v>0</v>
      </c>
      <c r="Y32" s="134">
        <v>0</v>
      </c>
      <c r="Z32" s="134">
        <v>0</v>
      </c>
      <c r="AA32" s="134">
        <v>1</v>
      </c>
      <c r="AB32" s="135">
        <v>0</v>
      </c>
      <c r="AC32" s="129">
        <v>19</v>
      </c>
      <c r="AD32" s="134">
        <v>0</v>
      </c>
      <c r="AE32" s="134">
        <v>0</v>
      </c>
      <c r="AF32" s="134">
        <v>0</v>
      </c>
      <c r="AG32" s="134">
        <v>0</v>
      </c>
      <c r="AH32" s="134">
        <v>1</v>
      </c>
      <c r="AI32" s="134">
        <v>0</v>
      </c>
      <c r="AJ32" s="134">
        <v>0</v>
      </c>
      <c r="AK32" s="134">
        <v>0</v>
      </c>
      <c r="AL32" s="134">
        <v>0</v>
      </c>
      <c r="AM32" s="134">
        <v>0</v>
      </c>
      <c r="AN32" s="134">
        <v>1</v>
      </c>
      <c r="AO32" s="134">
        <v>6</v>
      </c>
      <c r="AP32" s="130">
        <v>1</v>
      </c>
      <c r="AQ32" s="131"/>
      <c r="AR32" s="133">
        <v>0</v>
      </c>
      <c r="AS32" s="134">
        <v>2</v>
      </c>
      <c r="AT32" s="134">
        <v>5</v>
      </c>
      <c r="AU32" s="134">
        <v>1</v>
      </c>
      <c r="AV32" s="134">
        <v>0</v>
      </c>
      <c r="AW32" s="134">
        <v>0</v>
      </c>
      <c r="AX32" s="134">
        <v>1</v>
      </c>
      <c r="AY32" s="134">
        <v>2</v>
      </c>
      <c r="AZ32" s="134">
        <v>0</v>
      </c>
      <c r="BA32" s="134">
        <v>0</v>
      </c>
      <c r="BB32" s="134">
        <v>0</v>
      </c>
      <c r="BC32" s="134">
        <v>0</v>
      </c>
      <c r="BD32" s="134">
        <v>0</v>
      </c>
      <c r="BE32" s="134">
        <v>0</v>
      </c>
      <c r="BF32" s="134">
        <v>0</v>
      </c>
      <c r="BG32" s="129">
        <v>4081030</v>
      </c>
      <c r="BH32" s="130">
        <v>111264</v>
      </c>
    </row>
    <row r="33" spans="1:60" ht="16.5" customHeight="1" x14ac:dyDescent="0.2">
      <c r="A33" s="136" t="s">
        <v>86</v>
      </c>
      <c r="B33" s="137">
        <f t="shared" si="7"/>
        <v>125</v>
      </c>
      <c r="C33" s="124">
        <v>2</v>
      </c>
      <c r="D33" s="125">
        <v>4</v>
      </c>
      <c r="E33" s="125">
        <v>27</v>
      </c>
      <c r="F33" s="125">
        <v>2</v>
      </c>
      <c r="G33" s="125">
        <v>0</v>
      </c>
      <c r="H33" s="125">
        <v>0</v>
      </c>
      <c r="I33" s="125">
        <v>2</v>
      </c>
      <c r="J33" s="125">
        <v>0</v>
      </c>
      <c r="K33" s="125">
        <v>1</v>
      </c>
      <c r="L33" s="125">
        <v>13</v>
      </c>
      <c r="M33" s="125">
        <v>0</v>
      </c>
      <c r="N33" s="125">
        <v>0</v>
      </c>
      <c r="O33" s="125">
        <v>1</v>
      </c>
      <c r="P33" s="125">
        <v>7</v>
      </c>
      <c r="Q33" s="125">
        <v>0</v>
      </c>
      <c r="R33" s="126">
        <v>0</v>
      </c>
      <c r="S33" s="136" t="s">
        <v>86</v>
      </c>
      <c r="T33" s="127">
        <v>1</v>
      </c>
      <c r="U33" s="125">
        <v>25</v>
      </c>
      <c r="V33" s="125">
        <v>0</v>
      </c>
      <c r="W33" s="125">
        <v>13</v>
      </c>
      <c r="X33" s="125">
        <v>0</v>
      </c>
      <c r="Y33" s="125">
        <v>1</v>
      </c>
      <c r="Z33" s="125">
        <v>0</v>
      </c>
      <c r="AA33" s="125">
        <v>0</v>
      </c>
      <c r="AB33" s="128">
        <v>0</v>
      </c>
      <c r="AC33" s="127">
        <v>8</v>
      </c>
      <c r="AD33" s="125">
        <v>0</v>
      </c>
      <c r="AE33" s="125">
        <v>0</v>
      </c>
      <c r="AF33" s="125">
        <v>0</v>
      </c>
      <c r="AG33" s="125">
        <v>0</v>
      </c>
      <c r="AH33" s="125">
        <v>0</v>
      </c>
      <c r="AI33" s="125">
        <v>0</v>
      </c>
      <c r="AJ33" s="125">
        <v>0</v>
      </c>
      <c r="AK33" s="125">
        <v>0</v>
      </c>
      <c r="AL33" s="125">
        <v>0</v>
      </c>
      <c r="AM33" s="125">
        <v>3</v>
      </c>
      <c r="AN33" s="125">
        <v>2</v>
      </c>
      <c r="AO33" s="125">
        <v>4</v>
      </c>
      <c r="AP33" s="126">
        <v>2</v>
      </c>
      <c r="AQ33" s="136" t="s">
        <v>86</v>
      </c>
      <c r="AR33" s="124">
        <v>0</v>
      </c>
      <c r="AS33" s="125">
        <v>1</v>
      </c>
      <c r="AT33" s="125">
        <v>1</v>
      </c>
      <c r="AU33" s="125">
        <v>0</v>
      </c>
      <c r="AV33" s="125">
        <v>0</v>
      </c>
      <c r="AW33" s="125">
        <v>0</v>
      </c>
      <c r="AX33" s="125">
        <v>0</v>
      </c>
      <c r="AY33" s="125">
        <v>0</v>
      </c>
      <c r="AZ33" s="125">
        <v>1</v>
      </c>
      <c r="BA33" s="125">
        <v>0</v>
      </c>
      <c r="BB33" s="125">
        <v>3</v>
      </c>
      <c r="BC33" s="125">
        <v>0</v>
      </c>
      <c r="BD33" s="125">
        <v>0</v>
      </c>
      <c r="BE33" s="125">
        <v>0</v>
      </c>
      <c r="BF33" s="125">
        <v>1</v>
      </c>
      <c r="BG33" s="127">
        <v>20366140</v>
      </c>
      <c r="BH33" s="126">
        <v>736476</v>
      </c>
    </row>
    <row r="34" spans="1:60" ht="16.5" customHeight="1" x14ac:dyDescent="0.2">
      <c r="A34" s="131"/>
      <c r="B34" s="132">
        <f t="shared" si="7"/>
        <v>99</v>
      </c>
      <c r="C34" s="133">
        <v>0</v>
      </c>
      <c r="D34" s="134">
        <v>6</v>
      </c>
      <c r="E34" s="134">
        <v>11</v>
      </c>
      <c r="F34" s="134">
        <v>4</v>
      </c>
      <c r="G34" s="134">
        <v>0</v>
      </c>
      <c r="H34" s="134">
        <v>0</v>
      </c>
      <c r="I34" s="134">
        <v>1</v>
      </c>
      <c r="J34" s="134">
        <v>0</v>
      </c>
      <c r="K34" s="134">
        <v>2</v>
      </c>
      <c r="L34" s="134">
        <v>0</v>
      </c>
      <c r="M34" s="134">
        <v>0</v>
      </c>
      <c r="N34" s="134">
        <v>0</v>
      </c>
      <c r="O34" s="134">
        <v>0</v>
      </c>
      <c r="P34" s="134">
        <v>0</v>
      </c>
      <c r="Q34" s="134">
        <v>0</v>
      </c>
      <c r="R34" s="130">
        <v>0</v>
      </c>
      <c r="S34" s="131"/>
      <c r="T34" s="129">
        <v>1</v>
      </c>
      <c r="U34" s="134">
        <v>5</v>
      </c>
      <c r="V34" s="134">
        <v>0</v>
      </c>
      <c r="W34" s="134">
        <v>11</v>
      </c>
      <c r="X34" s="134">
        <v>0</v>
      </c>
      <c r="Y34" s="134">
        <v>0</v>
      </c>
      <c r="Z34" s="134">
        <v>0</v>
      </c>
      <c r="AA34" s="134">
        <v>0</v>
      </c>
      <c r="AB34" s="135">
        <v>1</v>
      </c>
      <c r="AC34" s="129">
        <v>38</v>
      </c>
      <c r="AD34" s="134">
        <v>0</v>
      </c>
      <c r="AE34" s="134">
        <v>1</v>
      </c>
      <c r="AF34" s="134">
        <v>0</v>
      </c>
      <c r="AG34" s="134">
        <v>0</v>
      </c>
      <c r="AH34" s="134">
        <v>0</v>
      </c>
      <c r="AI34" s="134">
        <v>0</v>
      </c>
      <c r="AJ34" s="134">
        <v>0</v>
      </c>
      <c r="AK34" s="134">
        <v>0</v>
      </c>
      <c r="AL34" s="134">
        <v>0</v>
      </c>
      <c r="AM34" s="134">
        <v>1</v>
      </c>
      <c r="AN34" s="134">
        <v>1</v>
      </c>
      <c r="AO34" s="134">
        <v>0</v>
      </c>
      <c r="AP34" s="130">
        <v>3</v>
      </c>
      <c r="AQ34" s="131"/>
      <c r="AR34" s="133">
        <v>4</v>
      </c>
      <c r="AS34" s="134">
        <v>2</v>
      </c>
      <c r="AT34" s="134">
        <v>6</v>
      </c>
      <c r="AU34" s="134">
        <v>0</v>
      </c>
      <c r="AV34" s="134">
        <v>0</v>
      </c>
      <c r="AW34" s="134">
        <v>0</v>
      </c>
      <c r="AX34" s="134">
        <v>0</v>
      </c>
      <c r="AY34" s="134">
        <v>0</v>
      </c>
      <c r="AZ34" s="134">
        <v>0</v>
      </c>
      <c r="BA34" s="134">
        <v>0</v>
      </c>
      <c r="BB34" s="134">
        <v>0</v>
      </c>
      <c r="BC34" s="134">
        <v>0</v>
      </c>
      <c r="BD34" s="134">
        <v>0</v>
      </c>
      <c r="BE34" s="134">
        <v>0</v>
      </c>
      <c r="BF34" s="134">
        <v>1</v>
      </c>
      <c r="BG34" s="129">
        <v>5388061</v>
      </c>
      <c r="BH34" s="130">
        <v>250748</v>
      </c>
    </row>
    <row r="35" spans="1:60" ht="16.5" customHeight="1" x14ac:dyDescent="0.2">
      <c r="A35" s="136" t="s">
        <v>87</v>
      </c>
      <c r="B35" s="137">
        <f t="shared" si="7"/>
        <v>32</v>
      </c>
      <c r="C35" s="124">
        <v>0</v>
      </c>
      <c r="D35" s="125">
        <v>1</v>
      </c>
      <c r="E35" s="125">
        <v>10</v>
      </c>
      <c r="F35" s="125">
        <v>0</v>
      </c>
      <c r="G35" s="125">
        <v>1</v>
      </c>
      <c r="H35" s="125">
        <v>0</v>
      </c>
      <c r="I35" s="125">
        <v>2</v>
      </c>
      <c r="J35" s="125">
        <v>0</v>
      </c>
      <c r="K35" s="125">
        <v>2</v>
      </c>
      <c r="L35" s="125">
        <v>2</v>
      </c>
      <c r="M35" s="125">
        <v>0</v>
      </c>
      <c r="N35" s="125">
        <v>0</v>
      </c>
      <c r="O35" s="125">
        <v>0</v>
      </c>
      <c r="P35" s="125">
        <v>0</v>
      </c>
      <c r="Q35" s="125">
        <v>0</v>
      </c>
      <c r="R35" s="126">
        <v>0</v>
      </c>
      <c r="S35" s="136" t="s">
        <v>87</v>
      </c>
      <c r="T35" s="127">
        <v>1</v>
      </c>
      <c r="U35" s="125">
        <v>3</v>
      </c>
      <c r="V35" s="125">
        <v>0</v>
      </c>
      <c r="W35" s="125">
        <v>3</v>
      </c>
      <c r="X35" s="125">
        <v>0</v>
      </c>
      <c r="Y35" s="125">
        <v>0</v>
      </c>
      <c r="Z35" s="125">
        <v>0</v>
      </c>
      <c r="AA35" s="125">
        <v>0</v>
      </c>
      <c r="AB35" s="128">
        <v>0</v>
      </c>
      <c r="AC35" s="127">
        <v>0</v>
      </c>
      <c r="AD35" s="125">
        <v>1</v>
      </c>
      <c r="AE35" s="125">
        <v>0</v>
      </c>
      <c r="AF35" s="125">
        <v>0</v>
      </c>
      <c r="AG35" s="125">
        <v>0</v>
      </c>
      <c r="AH35" s="125">
        <v>0</v>
      </c>
      <c r="AI35" s="125">
        <v>0</v>
      </c>
      <c r="AJ35" s="125">
        <v>0</v>
      </c>
      <c r="AK35" s="125">
        <v>0</v>
      </c>
      <c r="AL35" s="125">
        <v>0</v>
      </c>
      <c r="AM35" s="125">
        <v>0</v>
      </c>
      <c r="AN35" s="125">
        <v>1</v>
      </c>
      <c r="AO35" s="125">
        <v>3</v>
      </c>
      <c r="AP35" s="126">
        <v>0</v>
      </c>
      <c r="AQ35" s="136" t="s">
        <v>87</v>
      </c>
      <c r="AR35" s="124">
        <v>0</v>
      </c>
      <c r="AS35" s="125">
        <v>0</v>
      </c>
      <c r="AT35" s="125">
        <v>1</v>
      </c>
      <c r="AU35" s="125">
        <v>0</v>
      </c>
      <c r="AV35" s="125">
        <v>0</v>
      </c>
      <c r="AW35" s="125">
        <v>0</v>
      </c>
      <c r="AX35" s="125">
        <v>0</v>
      </c>
      <c r="AY35" s="125">
        <v>0</v>
      </c>
      <c r="AZ35" s="125">
        <v>1</v>
      </c>
      <c r="BA35" s="125">
        <v>0</v>
      </c>
      <c r="BB35" s="125">
        <v>0</v>
      </c>
      <c r="BC35" s="125">
        <v>0</v>
      </c>
      <c r="BD35" s="125">
        <v>0</v>
      </c>
      <c r="BE35" s="125">
        <v>0</v>
      </c>
      <c r="BF35" s="125">
        <v>0</v>
      </c>
      <c r="BG35" s="127">
        <v>6166455</v>
      </c>
      <c r="BH35" s="126">
        <v>197166</v>
      </c>
    </row>
    <row r="36" spans="1:60" ht="16.5" customHeight="1" x14ac:dyDescent="0.2">
      <c r="A36" s="131"/>
      <c r="B36" s="132">
        <f t="shared" si="7"/>
        <v>24</v>
      </c>
      <c r="C36" s="133">
        <v>0</v>
      </c>
      <c r="D36" s="134">
        <v>1</v>
      </c>
      <c r="E36" s="134">
        <v>3</v>
      </c>
      <c r="F36" s="134">
        <v>1</v>
      </c>
      <c r="G36" s="134">
        <v>0</v>
      </c>
      <c r="H36" s="134">
        <v>0</v>
      </c>
      <c r="I36" s="134">
        <v>0</v>
      </c>
      <c r="J36" s="134">
        <v>0</v>
      </c>
      <c r="K36" s="134">
        <v>0</v>
      </c>
      <c r="L36" s="134">
        <v>0</v>
      </c>
      <c r="M36" s="134">
        <v>0</v>
      </c>
      <c r="N36" s="134">
        <v>0</v>
      </c>
      <c r="O36" s="134">
        <v>0</v>
      </c>
      <c r="P36" s="134">
        <v>0</v>
      </c>
      <c r="Q36" s="134">
        <v>0</v>
      </c>
      <c r="R36" s="130">
        <v>0</v>
      </c>
      <c r="S36" s="131"/>
      <c r="T36" s="129">
        <v>0</v>
      </c>
      <c r="U36" s="134">
        <v>2</v>
      </c>
      <c r="V36" s="134">
        <v>0</v>
      </c>
      <c r="W36" s="134">
        <v>1</v>
      </c>
      <c r="X36" s="134">
        <v>0</v>
      </c>
      <c r="Y36" s="134">
        <v>0</v>
      </c>
      <c r="Z36" s="134">
        <v>0</v>
      </c>
      <c r="AA36" s="134">
        <v>0</v>
      </c>
      <c r="AB36" s="135">
        <v>0</v>
      </c>
      <c r="AC36" s="129">
        <v>6</v>
      </c>
      <c r="AD36" s="134">
        <v>0</v>
      </c>
      <c r="AE36" s="134">
        <v>2</v>
      </c>
      <c r="AF36" s="134">
        <v>2</v>
      </c>
      <c r="AG36" s="134">
        <v>0</v>
      </c>
      <c r="AH36" s="134">
        <v>0</v>
      </c>
      <c r="AI36" s="134">
        <v>0</v>
      </c>
      <c r="AJ36" s="134">
        <v>0</v>
      </c>
      <c r="AK36" s="134">
        <v>0</v>
      </c>
      <c r="AL36" s="134">
        <v>0</v>
      </c>
      <c r="AM36" s="134">
        <v>1</v>
      </c>
      <c r="AN36" s="134">
        <v>0</v>
      </c>
      <c r="AO36" s="134">
        <v>1</v>
      </c>
      <c r="AP36" s="130">
        <v>0</v>
      </c>
      <c r="AQ36" s="131"/>
      <c r="AR36" s="133">
        <v>0</v>
      </c>
      <c r="AS36" s="134">
        <v>0</v>
      </c>
      <c r="AT36" s="134">
        <v>4</v>
      </c>
      <c r="AU36" s="134">
        <v>0</v>
      </c>
      <c r="AV36" s="134">
        <v>0</v>
      </c>
      <c r="AW36" s="134">
        <v>0</v>
      </c>
      <c r="AX36" s="134">
        <v>0</v>
      </c>
      <c r="AY36" s="134">
        <v>0</v>
      </c>
      <c r="AZ36" s="134">
        <v>0</v>
      </c>
      <c r="BA36" s="134">
        <v>0</v>
      </c>
      <c r="BB36" s="134">
        <v>0</v>
      </c>
      <c r="BC36" s="134">
        <v>0</v>
      </c>
      <c r="BD36" s="134">
        <v>0</v>
      </c>
      <c r="BE36" s="134">
        <v>0</v>
      </c>
      <c r="BF36" s="134">
        <v>0</v>
      </c>
      <c r="BG36" s="129">
        <v>1062704</v>
      </c>
      <c r="BH36" s="130">
        <v>22847</v>
      </c>
    </row>
    <row r="37" spans="1:60" ht="16.5" customHeight="1" x14ac:dyDescent="0.2">
      <c r="A37" s="136" t="s">
        <v>88</v>
      </c>
      <c r="B37" s="137">
        <f>SUM(C37:BF37)</f>
        <v>80</v>
      </c>
      <c r="C37" s="124">
        <v>0</v>
      </c>
      <c r="D37" s="125">
        <v>1</v>
      </c>
      <c r="E37" s="125">
        <v>28</v>
      </c>
      <c r="F37" s="125">
        <v>12</v>
      </c>
      <c r="G37" s="125">
        <v>1</v>
      </c>
      <c r="H37" s="125">
        <v>1</v>
      </c>
      <c r="I37" s="125">
        <v>0</v>
      </c>
      <c r="J37" s="125">
        <v>0</v>
      </c>
      <c r="K37" s="125">
        <v>3</v>
      </c>
      <c r="L37" s="125">
        <v>4</v>
      </c>
      <c r="M37" s="125">
        <v>0</v>
      </c>
      <c r="N37" s="125">
        <v>0</v>
      </c>
      <c r="O37" s="125">
        <v>0</v>
      </c>
      <c r="P37" s="125">
        <v>1</v>
      </c>
      <c r="Q37" s="125">
        <v>0</v>
      </c>
      <c r="R37" s="126">
        <v>0</v>
      </c>
      <c r="S37" s="136" t="s">
        <v>88</v>
      </c>
      <c r="T37" s="127">
        <v>1</v>
      </c>
      <c r="U37" s="125">
        <v>11</v>
      </c>
      <c r="V37" s="125">
        <v>0</v>
      </c>
      <c r="W37" s="125">
        <v>0</v>
      </c>
      <c r="X37" s="125">
        <v>0</v>
      </c>
      <c r="Y37" s="125">
        <v>2</v>
      </c>
      <c r="Z37" s="125">
        <v>0</v>
      </c>
      <c r="AA37" s="125">
        <v>0</v>
      </c>
      <c r="AB37" s="128">
        <v>0</v>
      </c>
      <c r="AC37" s="127">
        <v>7</v>
      </c>
      <c r="AD37" s="125">
        <v>0</v>
      </c>
      <c r="AE37" s="125">
        <v>0</v>
      </c>
      <c r="AF37" s="125">
        <v>0</v>
      </c>
      <c r="AG37" s="125">
        <v>0</v>
      </c>
      <c r="AH37" s="125">
        <v>0</v>
      </c>
      <c r="AI37" s="125">
        <v>0</v>
      </c>
      <c r="AJ37" s="125">
        <v>0</v>
      </c>
      <c r="AK37" s="125">
        <v>0</v>
      </c>
      <c r="AL37" s="125">
        <v>0</v>
      </c>
      <c r="AM37" s="125">
        <v>0</v>
      </c>
      <c r="AN37" s="125">
        <v>0</v>
      </c>
      <c r="AO37" s="125">
        <v>2</v>
      </c>
      <c r="AP37" s="126">
        <v>3</v>
      </c>
      <c r="AQ37" s="136" t="s">
        <v>88</v>
      </c>
      <c r="AR37" s="124">
        <v>0</v>
      </c>
      <c r="AS37" s="125">
        <v>0</v>
      </c>
      <c r="AT37" s="125">
        <v>0</v>
      </c>
      <c r="AU37" s="125">
        <v>0</v>
      </c>
      <c r="AV37" s="125">
        <v>0</v>
      </c>
      <c r="AW37" s="125">
        <v>0</v>
      </c>
      <c r="AX37" s="125">
        <v>0</v>
      </c>
      <c r="AY37" s="125">
        <v>1</v>
      </c>
      <c r="AZ37" s="125">
        <v>1</v>
      </c>
      <c r="BA37" s="125">
        <v>0</v>
      </c>
      <c r="BB37" s="125">
        <v>1</v>
      </c>
      <c r="BC37" s="125">
        <v>0</v>
      </c>
      <c r="BD37" s="125">
        <v>0</v>
      </c>
      <c r="BE37" s="125">
        <v>0</v>
      </c>
      <c r="BF37" s="125">
        <v>0</v>
      </c>
      <c r="BG37" s="127">
        <v>13491287</v>
      </c>
      <c r="BH37" s="126">
        <v>593760</v>
      </c>
    </row>
    <row r="38" spans="1:60" ht="16.5" customHeight="1" thickBot="1" x14ac:dyDescent="0.25">
      <c r="A38" s="138"/>
      <c r="B38" s="139">
        <f t="shared" si="7"/>
        <v>82</v>
      </c>
      <c r="C38" s="140">
        <v>0</v>
      </c>
      <c r="D38" s="141">
        <v>3</v>
      </c>
      <c r="E38" s="141">
        <v>9</v>
      </c>
      <c r="F38" s="141">
        <v>4</v>
      </c>
      <c r="G38" s="141">
        <v>0</v>
      </c>
      <c r="H38" s="141">
        <v>0</v>
      </c>
      <c r="I38" s="141">
        <v>0</v>
      </c>
      <c r="J38" s="141">
        <v>0</v>
      </c>
      <c r="K38" s="141">
        <v>14</v>
      </c>
      <c r="L38" s="141">
        <v>0</v>
      </c>
      <c r="M38" s="141">
        <v>0</v>
      </c>
      <c r="N38" s="141">
        <v>0</v>
      </c>
      <c r="O38" s="141">
        <v>0</v>
      </c>
      <c r="P38" s="141">
        <v>0</v>
      </c>
      <c r="Q38" s="141">
        <v>0</v>
      </c>
      <c r="R38" s="142">
        <v>0</v>
      </c>
      <c r="S38" s="122"/>
      <c r="T38" s="129">
        <v>0</v>
      </c>
      <c r="U38" s="134">
        <v>5</v>
      </c>
      <c r="V38" s="134">
        <v>0</v>
      </c>
      <c r="W38" s="134">
        <v>8</v>
      </c>
      <c r="X38" s="134">
        <v>0</v>
      </c>
      <c r="Y38" s="134">
        <v>0</v>
      </c>
      <c r="Z38" s="134">
        <v>0</v>
      </c>
      <c r="AA38" s="134">
        <v>0</v>
      </c>
      <c r="AB38" s="135">
        <v>1</v>
      </c>
      <c r="AC38" s="129">
        <v>19</v>
      </c>
      <c r="AD38" s="134">
        <v>0</v>
      </c>
      <c r="AE38" s="134">
        <v>0</v>
      </c>
      <c r="AF38" s="134">
        <v>0</v>
      </c>
      <c r="AG38" s="134">
        <v>0</v>
      </c>
      <c r="AH38" s="134">
        <v>0</v>
      </c>
      <c r="AI38" s="134">
        <v>0</v>
      </c>
      <c r="AJ38" s="134">
        <v>1</v>
      </c>
      <c r="AK38" s="134">
        <v>0</v>
      </c>
      <c r="AL38" s="134">
        <v>0</v>
      </c>
      <c r="AM38" s="134">
        <v>0</v>
      </c>
      <c r="AN38" s="134">
        <v>0</v>
      </c>
      <c r="AO38" s="134">
        <v>1</v>
      </c>
      <c r="AP38" s="130">
        <v>1</v>
      </c>
      <c r="AQ38" s="122"/>
      <c r="AR38" s="133">
        <v>3</v>
      </c>
      <c r="AS38" s="134">
        <v>1</v>
      </c>
      <c r="AT38" s="134">
        <v>8</v>
      </c>
      <c r="AU38" s="134">
        <v>0</v>
      </c>
      <c r="AV38" s="134">
        <v>0</v>
      </c>
      <c r="AW38" s="134">
        <v>0</v>
      </c>
      <c r="AX38" s="134">
        <v>0</v>
      </c>
      <c r="AY38" s="134">
        <v>3</v>
      </c>
      <c r="AZ38" s="134">
        <v>0</v>
      </c>
      <c r="BA38" s="134">
        <v>0</v>
      </c>
      <c r="BB38" s="134">
        <v>1</v>
      </c>
      <c r="BC38" s="134">
        <v>0</v>
      </c>
      <c r="BD38" s="134">
        <v>0</v>
      </c>
      <c r="BE38" s="134">
        <v>0</v>
      </c>
      <c r="BF38" s="134">
        <v>0</v>
      </c>
      <c r="BG38" s="129">
        <v>4047018</v>
      </c>
      <c r="BH38" s="130">
        <v>121957</v>
      </c>
    </row>
    <row r="39" spans="1:60" ht="16.5" customHeight="1" x14ac:dyDescent="0.2">
      <c r="A39" s="143" t="s">
        <v>89</v>
      </c>
      <c r="B39" s="123">
        <f>SUM(C39:BF39)</f>
        <v>303</v>
      </c>
      <c r="C39" s="104">
        <f t="shared" ref="C39:R40" si="8">SUM(C41,C43,C45,C47,C49,C51,C53,C55,C57,C59,C61,C63,C65,C67)</f>
        <v>1</v>
      </c>
      <c r="D39" s="144">
        <f t="shared" si="8"/>
        <v>5</v>
      </c>
      <c r="E39" s="144">
        <f t="shared" si="8"/>
        <v>97</v>
      </c>
      <c r="F39" s="144">
        <f t="shared" si="8"/>
        <v>11</v>
      </c>
      <c r="G39" s="144">
        <f t="shared" si="8"/>
        <v>2</v>
      </c>
      <c r="H39" s="144">
        <f t="shared" si="8"/>
        <v>3</v>
      </c>
      <c r="I39" s="144">
        <f t="shared" si="8"/>
        <v>4</v>
      </c>
      <c r="J39" s="144">
        <f t="shared" si="8"/>
        <v>0</v>
      </c>
      <c r="K39" s="144">
        <f t="shared" si="8"/>
        <v>6</v>
      </c>
      <c r="L39" s="104">
        <f t="shared" si="8"/>
        <v>16</v>
      </c>
      <c r="M39" s="144">
        <f t="shared" si="8"/>
        <v>0</v>
      </c>
      <c r="N39" s="144">
        <f t="shared" si="8"/>
        <v>2</v>
      </c>
      <c r="O39" s="144">
        <f t="shared" si="8"/>
        <v>0</v>
      </c>
      <c r="P39" s="144">
        <f t="shared" si="8"/>
        <v>8</v>
      </c>
      <c r="Q39" s="144">
        <f t="shared" si="8"/>
        <v>0</v>
      </c>
      <c r="R39" s="145">
        <f t="shared" si="8"/>
        <v>0</v>
      </c>
      <c r="S39" s="146" t="s">
        <v>89</v>
      </c>
      <c r="T39" s="147">
        <f t="shared" ref="T39:AP40" si="9">SUM(T41,T43,T45,T47,T49,T51,T53,T55,T57,T59,T61,T63,T65,T67)</f>
        <v>10</v>
      </c>
      <c r="U39" s="148">
        <f t="shared" si="9"/>
        <v>60</v>
      </c>
      <c r="V39" s="148">
        <f t="shared" si="9"/>
        <v>1</v>
      </c>
      <c r="W39" s="148">
        <f t="shared" si="9"/>
        <v>29</v>
      </c>
      <c r="X39" s="148">
        <f t="shared" si="9"/>
        <v>0</v>
      </c>
      <c r="Y39" s="149">
        <f t="shared" si="9"/>
        <v>0</v>
      </c>
      <c r="Z39" s="150">
        <f>SUM(Z41,Z43,Z45,Z47,Z49,Z51,Z53,Z55,Z57,Z59,Z61,Z63,Z65,Z67)</f>
        <v>0</v>
      </c>
      <c r="AA39" s="151">
        <f t="shared" si="9"/>
        <v>0</v>
      </c>
      <c r="AB39" s="147">
        <f t="shared" si="9"/>
        <v>0</v>
      </c>
      <c r="AC39" s="147">
        <f t="shared" si="9"/>
        <v>15</v>
      </c>
      <c r="AD39" s="148">
        <f t="shared" si="9"/>
        <v>0</v>
      </c>
      <c r="AE39" s="148">
        <f t="shared" si="9"/>
        <v>1</v>
      </c>
      <c r="AF39" s="148">
        <f t="shared" si="9"/>
        <v>1</v>
      </c>
      <c r="AG39" s="148">
        <f t="shared" si="9"/>
        <v>0</v>
      </c>
      <c r="AH39" s="148">
        <f t="shared" si="9"/>
        <v>0</v>
      </c>
      <c r="AI39" s="148">
        <f t="shared" si="9"/>
        <v>0</v>
      </c>
      <c r="AJ39" s="148">
        <f t="shared" si="9"/>
        <v>0</v>
      </c>
      <c r="AK39" s="148">
        <f t="shared" si="9"/>
        <v>0</v>
      </c>
      <c r="AL39" s="148">
        <f t="shared" si="9"/>
        <v>0</v>
      </c>
      <c r="AM39" s="148">
        <f t="shared" si="9"/>
        <v>6</v>
      </c>
      <c r="AN39" s="148">
        <f t="shared" si="9"/>
        <v>3</v>
      </c>
      <c r="AO39" s="148">
        <f t="shared" si="9"/>
        <v>0</v>
      </c>
      <c r="AP39" s="152">
        <f t="shared" si="9"/>
        <v>7</v>
      </c>
      <c r="AQ39" s="146" t="s">
        <v>89</v>
      </c>
      <c r="AR39" s="150">
        <f t="shared" ref="AR39:BF40" si="10">SUM(AR41,AR43,AR45,AR47,AR49,AR51,AR53,AR55,AR57,AR59,AR61,AR63,AR65,AR67)</f>
        <v>0</v>
      </c>
      <c r="AS39" s="148">
        <f t="shared" si="10"/>
        <v>1</v>
      </c>
      <c r="AT39" s="148">
        <f t="shared" si="10"/>
        <v>3</v>
      </c>
      <c r="AU39" s="148">
        <f t="shared" si="10"/>
        <v>0</v>
      </c>
      <c r="AV39" s="148">
        <f t="shared" si="10"/>
        <v>0</v>
      </c>
      <c r="AW39" s="148">
        <f t="shared" si="10"/>
        <v>0</v>
      </c>
      <c r="AX39" s="150">
        <f t="shared" si="10"/>
        <v>0</v>
      </c>
      <c r="AY39" s="148">
        <f t="shared" si="10"/>
        <v>0</v>
      </c>
      <c r="AZ39" s="148">
        <f t="shared" si="10"/>
        <v>4</v>
      </c>
      <c r="BA39" s="148">
        <f t="shared" si="10"/>
        <v>1</v>
      </c>
      <c r="BB39" s="148">
        <f t="shared" si="10"/>
        <v>2</v>
      </c>
      <c r="BC39" s="148">
        <f t="shared" si="10"/>
        <v>0</v>
      </c>
      <c r="BD39" s="148">
        <f t="shared" si="10"/>
        <v>0</v>
      </c>
      <c r="BE39" s="148">
        <f t="shared" si="10"/>
        <v>1</v>
      </c>
      <c r="BF39" s="151">
        <f t="shared" si="10"/>
        <v>3</v>
      </c>
      <c r="BG39" s="147">
        <f>SUM(BG41,BG43,BG45,BG47,BG49,BG51,BG53,BG55,BG57,BG59,BG61,BG63,BG65,BG67)</f>
        <v>40246513</v>
      </c>
      <c r="BH39" s="153">
        <f>SUM(BH41,BH43,BH45,BH47,BH49,BH51,BH53,BH55,BH57,BH59,BH61,BH63,BH65,BH67)</f>
        <v>1517140</v>
      </c>
    </row>
    <row r="40" spans="1:60" ht="16.5" customHeight="1" thickBot="1" x14ac:dyDescent="0.25">
      <c r="A40" s="108"/>
      <c r="B40" s="109">
        <f>SUM(C40:BF40)</f>
        <v>213</v>
      </c>
      <c r="C40" s="110">
        <f t="shared" si="8"/>
        <v>3</v>
      </c>
      <c r="D40" s="119">
        <f t="shared" si="8"/>
        <v>8</v>
      </c>
      <c r="E40" s="119">
        <f t="shared" si="8"/>
        <v>31</v>
      </c>
      <c r="F40" s="119">
        <f t="shared" si="8"/>
        <v>23</v>
      </c>
      <c r="G40" s="119">
        <f t="shared" si="8"/>
        <v>0</v>
      </c>
      <c r="H40" s="119">
        <f t="shared" si="8"/>
        <v>0</v>
      </c>
      <c r="I40" s="119">
        <f t="shared" si="8"/>
        <v>6</v>
      </c>
      <c r="J40" s="110">
        <f t="shared" si="8"/>
        <v>0</v>
      </c>
      <c r="K40" s="119">
        <f t="shared" si="8"/>
        <v>2</v>
      </c>
      <c r="L40" s="119">
        <f t="shared" si="8"/>
        <v>0</v>
      </c>
      <c r="M40" s="119">
        <f t="shared" si="8"/>
        <v>0</v>
      </c>
      <c r="N40" s="119">
        <f t="shared" si="8"/>
        <v>0</v>
      </c>
      <c r="O40" s="119">
        <f t="shared" si="8"/>
        <v>0</v>
      </c>
      <c r="P40" s="119">
        <f t="shared" si="8"/>
        <v>1</v>
      </c>
      <c r="Q40" s="119">
        <f t="shared" si="8"/>
        <v>0</v>
      </c>
      <c r="R40" s="120">
        <f t="shared" si="8"/>
        <v>0</v>
      </c>
      <c r="S40" s="108"/>
      <c r="T40" s="113">
        <f t="shared" si="9"/>
        <v>0</v>
      </c>
      <c r="U40" s="119">
        <f t="shared" si="9"/>
        <v>24</v>
      </c>
      <c r="V40" s="119">
        <f t="shared" si="9"/>
        <v>1</v>
      </c>
      <c r="W40" s="119">
        <f t="shared" si="9"/>
        <v>18</v>
      </c>
      <c r="X40" s="119">
        <f t="shared" si="9"/>
        <v>0</v>
      </c>
      <c r="Y40" s="114">
        <f t="shared" si="9"/>
        <v>0</v>
      </c>
      <c r="Z40" s="110">
        <f t="shared" si="9"/>
        <v>1</v>
      </c>
      <c r="AA40" s="121">
        <f t="shared" si="9"/>
        <v>0</v>
      </c>
      <c r="AB40" s="113">
        <f t="shared" si="9"/>
        <v>0</v>
      </c>
      <c r="AC40" s="113">
        <f t="shared" si="9"/>
        <v>61</v>
      </c>
      <c r="AD40" s="119">
        <f t="shared" si="9"/>
        <v>0</v>
      </c>
      <c r="AE40" s="119">
        <f t="shared" si="9"/>
        <v>1</v>
      </c>
      <c r="AF40" s="119">
        <f t="shared" si="9"/>
        <v>1</v>
      </c>
      <c r="AG40" s="119">
        <f t="shared" si="9"/>
        <v>0</v>
      </c>
      <c r="AH40" s="119">
        <f t="shared" si="9"/>
        <v>0</v>
      </c>
      <c r="AI40" s="119">
        <f t="shared" si="9"/>
        <v>0</v>
      </c>
      <c r="AJ40" s="119">
        <f t="shared" si="9"/>
        <v>0</v>
      </c>
      <c r="AK40" s="119">
        <f t="shared" si="9"/>
        <v>0</v>
      </c>
      <c r="AL40" s="119">
        <f t="shared" si="9"/>
        <v>0</v>
      </c>
      <c r="AM40" s="119">
        <f t="shared" si="9"/>
        <v>9</v>
      </c>
      <c r="AN40" s="119">
        <f t="shared" si="9"/>
        <v>2</v>
      </c>
      <c r="AO40" s="119">
        <f t="shared" si="9"/>
        <v>3</v>
      </c>
      <c r="AP40" s="120">
        <f t="shared" si="9"/>
        <v>3</v>
      </c>
      <c r="AQ40" s="108"/>
      <c r="AR40" s="110">
        <f t="shared" si="10"/>
        <v>0</v>
      </c>
      <c r="AS40" s="119">
        <f t="shared" si="10"/>
        <v>6</v>
      </c>
      <c r="AT40" s="119">
        <f t="shared" si="10"/>
        <v>7</v>
      </c>
      <c r="AU40" s="119">
        <f t="shared" si="10"/>
        <v>0</v>
      </c>
      <c r="AV40" s="119">
        <f t="shared" si="10"/>
        <v>0</v>
      </c>
      <c r="AW40" s="119">
        <f t="shared" si="10"/>
        <v>0</v>
      </c>
      <c r="AX40" s="110">
        <f t="shared" si="10"/>
        <v>1</v>
      </c>
      <c r="AY40" s="119">
        <f t="shared" si="10"/>
        <v>0</v>
      </c>
      <c r="AZ40" s="119">
        <f t="shared" si="10"/>
        <v>1</v>
      </c>
      <c r="BA40" s="119">
        <f t="shared" si="10"/>
        <v>0</v>
      </c>
      <c r="BB40" s="119">
        <f t="shared" si="10"/>
        <v>0</v>
      </c>
      <c r="BC40" s="119">
        <f t="shared" si="10"/>
        <v>0</v>
      </c>
      <c r="BD40" s="119">
        <f t="shared" si="10"/>
        <v>0</v>
      </c>
      <c r="BE40" s="119">
        <f t="shared" si="10"/>
        <v>0</v>
      </c>
      <c r="BF40" s="121">
        <f t="shared" si="10"/>
        <v>0</v>
      </c>
      <c r="BG40" s="113">
        <f>SUM(BG42,BG44,BG46,BG48,BG50,BG52,BG54,BG56,BG58,BG60,BG62,BG64,BG66,BG68)</f>
        <v>10057050</v>
      </c>
      <c r="BH40" s="112">
        <f>SUM(BH42,BH44,BH46,BH48,BH50,BH52,BH54,BH56,BH58,BH60,BH62,BH64,BH66,BH68)</f>
        <v>426832</v>
      </c>
    </row>
    <row r="41" spans="1:60" ht="16.5" customHeight="1" thickTop="1" x14ac:dyDescent="0.2">
      <c r="A41" s="122" t="s">
        <v>90</v>
      </c>
      <c r="B41" s="123">
        <f t="shared" ref="B41:B68" si="11">SUM(C41:BF41)</f>
        <v>50</v>
      </c>
      <c r="C41" s="133">
        <v>0</v>
      </c>
      <c r="D41" s="134">
        <v>0</v>
      </c>
      <c r="E41" s="134">
        <v>14</v>
      </c>
      <c r="F41" s="134">
        <v>5</v>
      </c>
      <c r="G41" s="134">
        <v>0</v>
      </c>
      <c r="H41" s="134">
        <v>0</v>
      </c>
      <c r="I41" s="134">
        <v>0</v>
      </c>
      <c r="J41" s="134">
        <v>0</v>
      </c>
      <c r="K41" s="134">
        <v>0</v>
      </c>
      <c r="L41" s="134">
        <v>0</v>
      </c>
      <c r="M41" s="134">
        <v>0</v>
      </c>
      <c r="N41" s="134">
        <v>0</v>
      </c>
      <c r="O41" s="134">
        <v>0</v>
      </c>
      <c r="P41" s="134">
        <v>4</v>
      </c>
      <c r="Q41" s="134">
        <v>0</v>
      </c>
      <c r="R41" s="130">
        <v>0</v>
      </c>
      <c r="S41" s="122" t="s">
        <v>90</v>
      </c>
      <c r="T41" s="129">
        <v>1</v>
      </c>
      <c r="U41" s="134">
        <v>21</v>
      </c>
      <c r="V41" s="134">
        <v>0</v>
      </c>
      <c r="W41" s="134">
        <v>3</v>
      </c>
      <c r="X41" s="134">
        <v>0</v>
      </c>
      <c r="Y41" s="134">
        <v>0</v>
      </c>
      <c r="Z41" s="134">
        <v>0</v>
      </c>
      <c r="AA41" s="134">
        <v>0</v>
      </c>
      <c r="AB41" s="135">
        <v>0</v>
      </c>
      <c r="AC41" s="129">
        <v>1</v>
      </c>
      <c r="AD41" s="134">
        <v>0</v>
      </c>
      <c r="AE41" s="134">
        <v>0</v>
      </c>
      <c r="AF41" s="134">
        <v>0</v>
      </c>
      <c r="AG41" s="134">
        <v>0</v>
      </c>
      <c r="AH41" s="134">
        <v>0</v>
      </c>
      <c r="AI41" s="134">
        <v>0</v>
      </c>
      <c r="AJ41" s="134">
        <v>0</v>
      </c>
      <c r="AK41" s="134">
        <v>0</v>
      </c>
      <c r="AL41" s="134">
        <v>0</v>
      </c>
      <c r="AM41" s="134">
        <v>0</v>
      </c>
      <c r="AN41" s="134">
        <v>0</v>
      </c>
      <c r="AO41" s="134">
        <v>0</v>
      </c>
      <c r="AP41" s="134">
        <v>0</v>
      </c>
      <c r="AQ41" s="122" t="s">
        <v>90</v>
      </c>
      <c r="AR41" s="133">
        <v>0</v>
      </c>
      <c r="AS41" s="134">
        <v>0</v>
      </c>
      <c r="AT41" s="134">
        <v>1</v>
      </c>
      <c r="AU41" s="134">
        <v>0</v>
      </c>
      <c r="AV41" s="134">
        <v>0</v>
      </c>
      <c r="AW41" s="134">
        <v>0</v>
      </c>
      <c r="AX41" s="134">
        <v>0</v>
      </c>
      <c r="AY41" s="134">
        <v>0</v>
      </c>
      <c r="AZ41" s="134">
        <v>0</v>
      </c>
      <c r="BA41" s="134">
        <v>0</v>
      </c>
      <c r="BB41" s="134">
        <v>0</v>
      </c>
      <c r="BC41" s="134">
        <v>0</v>
      </c>
      <c r="BD41" s="134">
        <v>0</v>
      </c>
      <c r="BE41" s="134">
        <v>0</v>
      </c>
      <c r="BF41" s="134">
        <v>0</v>
      </c>
      <c r="BG41" s="129">
        <v>4160272</v>
      </c>
      <c r="BH41" s="130">
        <v>190807</v>
      </c>
    </row>
    <row r="42" spans="1:60" ht="16.5" customHeight="1" x14ac:dyDescent="0.2">
      <c r="A42" s="131"/>
      <c r="B42" s="132">
        <f t="shared" si="11"/>
        <v>17</v>
      </c>
      <c r="C42" s="133">
        <v>1</v>
      </c>
      <c r="D42" s="134">
        <v>1</v>
      </c>
      <c r="E42" s="134">
        <v>4</v>
      </c>
      <c r="F42" s="134">
        <v>1</v>
      </c>
      <c r="G42" s="134">
        <v>0</v>
      </c>
      <c r="H42" s="134">
        <v>0</v>
      </c>
      <c r="I42" s="134">
        <v>0</v>
      </c>
      <c r="J42" s="134">
        <v>0</v>
      </c>
      <c r="K42" s="134">
        <v>0</v>
      </c>
      <c r="L42" s="134">
        <v>0</v>
      </c>
      <c r="M42" s="134">
        <v>0</v>
      </c>
      <c r="N42" s="134">
        <v>0</v>
      </c>
      <c r="O42" s="134">
        <v>0</v>
      </c>
      <c r="P42" s="134">
        <v>0</v>
      </c>
      <c r="Q42" s="134">
        <v>0</v>
      </c>
      <c r="R42" s="130">
        <v>0</v>
      </c>
      <c r="S42" s="131"/>
      <c r="T42" s="129">
        <v>0</v>
      </c>
      <c r="U42" s="134">
        <v>1</v>
      </c>
      <c r="V42" s="134">
        <v>0</v>
      </c>
      <c r="W42" s="134">
        <v>4</v>
      </c>
      <c r="X42" s="134">
        <v>0</v>
      </c>
      <c r="Y42" s="134">
        <v>0</v>
      </c>
      <c r="Z42" s="134">
        <v>0</v>
      </c>
      <c r="AA42" s="134">
        <v>0</v>
      </c>
      <c r="AB42" s="135">
        <v>0</v>
      </c>
      <c r="AC42" s="129">
        <v>2</v>
      </c>
      <c r="AD42" s="134">
        <v>0</v>
      </c>
      <c r="AE42" s="134">
        <v>0</v>
      </c>
      <c r="AF42" s="134">
        <v>0</v>
      </c>
      <c r="AG42" s="134">
        <v>0</v>
      </c>
      <c r="AH42" s="134">
        <v>0</v>
      </c>
      <c r="AI42" s="134">
        <v>0</v>
      </c>
      <c r="AJ42" s="134">
        <v>0</v>
      </c>
      <c r="AK42" s="134">
        <v>0</v>
      </c>
      <c r="AL42" s="134">
        <v>0</v>
      </c>
      <c r="AM42" s="134">
        <v>0</v>
      </c>
      <c r="AN42" s="134">
        <v>0</v>
      </c>
      <c r="AO42" s="134">
        <v>0</v>
      </c>
      <c r="AP42" s="134">
        <v>0</v>
      </c>
      <c r="AQ42" s="131"/>
      <c r="AR42" s="133">
        <v>0</v>
      </c>
      <c r="AS42" s="134">
        <v>1</v>
      </c>
      <c r="AT42" s="134">
        <v>2</v>
      </c>
      <c r="AU42" s="134">
        <v>0</v>
      </c>
      <c r="AV42" s="134">
        <v>0</v>
      </c>
      <c r="AW42" s="134">
        <v>0</v>
      </c>
      <c r="AX42" s="134">
        <v>0</v>
      </c>
      <c r="AY42" s="134">
        <v>0</v>
      </c>
      <c r="AZ42" s="134">
        <v>0</v>
      </c>
      <c r="BA42" s="134">
        <v>0</v>
      </c>
      <c r="BB42" s="134">
        <v>0</v>
      </c>
      <c r="BC42" s="134">
        <v>0</v>
      </c>
      <c r="BD42" s="134">
        <v>0</v>
      </c>
      <c r="BE42" s="134">
        <v>0</v>
      </c>
      <c r="BF42" s="134">
        <v>0</v>
      </c>
      <c r="BG42" s="129">
        <v>944450</v>
      </c>
      <c r="BH42" s="130">
        <v>69658</v>
      </c>
    </row>
    <row r="43" spans="1:60" ht="16.5" customHeight="1" x14ac:dyDescent="0.2">
      <c r="A43" s="136" t="s">
        <v>91</v>
      </c>
      <c r="B43" s="137">
        <f t="shared" si="11"/>
        <v>61</v>
      </c>
      <c r="C43" s="124">
        <v>0</v>
      </c>
      <c r="D43" s="125">
        <v>1</v>
      </c>
      <c r="E43" s="125">
        <v>22</v>
      </c>
      <c r="F43" s="125">
        <v>1</v>
      </c>
      <c r="G43" s="125">
        <v>2</v>
      </c>
      <c r="H43" s="125">
        <v>2</v>
      </c>
      <c r="I43" s="125">
        <v>2</v>
      </c>
      <c r="J43" s="125">
        <v>0</v>
      </c>
      <c r="K43" s="125">
        <v>3</v>
      </c>
      <c r="L43" s="125">
        <v>2</v>
      </c>
      <c r="M43" s="125">
        <v>0</v>
      </c>
      <c r="N43" s="125">
        <v>1</v>
      </c>
      <c r="O43" s="125">
        <v>0</v>
      </c>
      <c r="P43" s="125">
        <v>2</v>
      </c>
      <c r="Q43" s="125">
        <v>0</v>
      </c>
      <c r="R43" s="126">
        <v>0</v>
      </c>
      <c r="S43" s="136" t="s">
        <v>91</v>
      </c>
      <c r="T43" s="127">
        <v>0</v>
      </c>
      <c r="U43" s="125">
        <v>7</v>
      </c>
      <c r="V43" s="125">
        <v>0</v>
      </c>
      <c r="W43" s="125">
        <v>4</v>
      </c>
      <c r="X43" s="125">
        <v>0</v>
      </c>
      <c r="Y43" s="125">
        <v>0</v>
      </c>
      <c r="Z43" s="125">
        <v>0</v>
      </c>
      <c r="AA43" s="125">
        <v>0</v>
      </c>
      <c r="AB43" s="128">
        <v>0</v>
      </c>
      <c r="AC43" s="127">
        <v>2</v>
      </c>
      <c r="AD43" s="125">
        <v>0</v>
      </c>
      <c r="AE43" s="125">
        <v>0</v>
      </c>
      <c r="AF43" s="125">
        <v>0</v>
      </c>
      <c r="AG43" s="125">
        <v>0</v>
      </c>
      <c r="AH43" s="125">
        <v>0</v>
      </c>
      <c r="AI43" s="125">
        <v>0</v>
      </c>
      <c r="AJ43" s="125">
        <v>0</v>
      </c>
      <c r="AK43" s="125">
        <v>0</v>
      </c>
      <c r="AL43" s="125">
        <v>0</v>
      </c>
      <c r="AM43" s="125">
        <v>1</v>
      </c>
      <c r="AN43" s="125">
        <v>2</v>
      </c>
      <c r="AO43" s="125">
        <v>0</v>
      </c>
      <c r="AP43" s="126">
        <v>2</v>
      </c>
      <c r="AQ43" s="136" t="s">
        <v>91</v>
      </c>
      <c r="AR43" s="124">
        <v>0</v>
      </c>
      <c r="AS43" s="125">
        <v>0</v>
      </c>
      <c r="AT43" s="125">
        <v>0</v>
      </c>
      <c r="AU43" s="125">
        <v>0</v>
      </c>
      <c r="AV43" s="125">
        <v>0</v>
      </c>
      <c r="AW43" s="125">
        <v>0</v>
      </c>
      <c r="AX43" s="125">
        <v>0</v>
      </c>
      <c r="AY43" s="125">
        <v>0</v>
      </c>
      <c r="AZ43" s="125">
        <v>2</v>
      </c>
      <c r="BA43" s="125">
        <v>1</v>
      </c>
      <c r="BB43" s="125">
        <v>1</v>
      </c>
      <c r="BC43" s="125">
        <v>0</v>
      </c>
      <c r="BD43" s="125">
        <v>0</v>
      </c>
      <c r="BE43" s="125">
        <v>0</v>
      </c>
      <c r="BF43" s="125">
        <v>1</v>
      </c>
      <c r="BG43" s="127">
        <v>9529661</v>
      </c>
      <c r="BH43" s="126">
        <v>393546</v>
      </c>
    </row>
    <row r="44" spans="1:60" ht="16.5" customHeight="1" x14ac:dyDescent="0.2">
      <c r="A44" s="131"/>
      <c r="B44" s="132">
        <f t="shared" si="11"/>
        <v>47</v>
      </c>
      <c r="C44" s="133">
        <v>1</v>
      </c>
      <c r="D44" s="134">
        <v>0</v>
      </c>
      <c r="E44" s="134">
        <v>7</v>
      </c>
      <c r="F44" s="134">
        <v>2</v>
      </c>
      <c r="G44" s="134">
        <v>0</v>
      </c>
      <c r="H44" s="134">
        <v>0</v>
      </c>
      <c r="I44" s="134">
        <v>2</v>
      </c>
      <c r="J44" s="134">
        <v>0</v>
      </c>
      <c r="K44" s="134">
        <v>1</v>
      </c>
      <c r="L44" s="134">
        <v>0</v>
      </c>
      <c r="M44" s="134">
        <v>0</v>
      </c>
      <c r="N44" s="134">
        <v>0</v>
      </c>
      <c r="O44" s="134">
        <v>0</v>
      </c>
      <c r="P44" s="134">
        <v>1</v>
      </c>
      <c r="Q44" s="134">
        <v>0</v>
      </c>
      <c r="R44" s="130">
        <v>0</v>
      </c>
      <c r="S44" s="131"/>
      <c r="T44" s="129">
        <v>0</v>
      </c>
      <c r="U44" s="134">
        <v>8</v>
      </c>
      <c r="V44" s="134">
        <v>0</v>
      </c>
      <c r="W44" s="134">
        <v>6</v>
      </c>
      <c r="X44" s="134">
        <v>0</v>
      </c>
      <c r="Y44" s="134">
        <v>0</v>
      </c>
      <c r="Z44" s="134">
        <v>1</v>
      </c>
      <c r="AA44" s="134">
        <v>0</v>
      </c>
      <c r="AB44" s="135">
        <v>0</v>
      </c>
      <c r="AC44" s="129">
        <v>11</v>
      </c>
      <c r="AD44" s="134">
        <v>0</v>
      </c>
      <c r="AE44" s="134">
        <v>0</v>
      </c>
      <c r="AF44" s="134">
        <v>0</v>
      </c>
      <c r="AG44" s="134">
        <v>0</v>
      </c>
      <c r="AH44" s="134">
        <v>0</v>
      </c>
      <c r="AI44" s="134">
        <v>0</v>
      </c>
      <c r="AJ44" s="134">
        <v>0</v>
      </c>
      <c r="AK44" s="134">
        <v>0</v>
      </c>
      <c r="AL44" s="134">
        <v>0</v>
      </c>
      <c r="AM44" s="134">
        <v>2</v>
      </c>
      <c r="AN44" s="134">
        <v>0</v>
      </c>
      <c r="AO44" s="134">
        <v>0</v>
      </c>
      <c r="AP44" s="130">
        <v>0</v>
      </c>
      <c r="AQ44" s="131"/>
      <c r="AR44" s="133">
        <v>0</v>
      </c>
      <c r="AS44" s="134">
        <v>0</v>
      </c>
      <c r="AT44" s="134">
        <v>5</v>
      </c>
      <c r="AU44" s="134">
        <v>0</v>
      </c>
      <c r="AV44" s="134">
        <v>0</v>
      </c>
      <c r="AW44" s="134">
        <v>0</v>
      </c>
      <c r="AX44" s="134">
        <v>0</v>
      </c>
      <c r="AY44" s="134">
        <v>0</v>
      </c>
      <c r="AZ44" s="134">
        <v>0</v>
      </c>
      <c r="BA44" s="134">
        <v>0</v>
      </c>
      <c r="BB44" s="134">
        <v>0</v>
      </c>
      <c r="BC44" s="134">
        <v>0</v>
      </c>
      <c r="BD44" s="134">
        <v>0</v>
      </c>
      <c r="BE44" s="134">
        <v>0</v>
      </c>
      <c r="BF44" s="134">
        <v>0</v>
      </c>
      <c r="BG44" s="129">
        <v>2306798</v>
      </c>
      <c r="BH44" s="130">
        <v>119965</v>
      </c>
    </row>
    <row r="45" spans="1:60" ht="16.5" customHeight="1" x14ac:dyDescent="0.2">
      <c r="A45" s="136" t="s">
        <v>92</v>
      </c>
      <c r="B45" s="137">
        <f t="shared" si="11"/>
        <v>28</v>
      </c>
      <c r="C45" s="124">
        <v>0</v>
      </c>
      <c r="D45" s="125">
        <v>0</v>
      </c>
      <c r="E45" s="125">
        <v>5</v>
      </c>
      <c r="F45" s="125">
        <v>2</v>
      </c>
      <c r="G45" s="125">
        <v>0</v>
      </c>
      <c r="H45" s="125">
        <v>0</v>
      </c>
      <c r="I45" s="125">
        <v>2</v>
      </c>
      <c r="J45" s="125">
        <v>0</v>
      </c>
      <c r="K45" s="125">
        <v>0</v>
      </c>
      <c r="L45" s="125">
        <v>2</v>
      </c>
      <c r="M45" s="125">
        <v>0</v>
      </c>
      <c r="N45" s="125">
        <v>0</v>
      </c>
      <c r="O45" s="125">
        <v>0</v>
      </c>
      <c r="P45" s="125">
        <v>0</v>
      </c>
      <c r="Q45" s="125">
        <v>0</v>
      </c>
      <c r="R45" s="125">
        <v>0</v>
      </c>
      <c r="S45" s="136" t="s">
        <v>92</v>
      </c>
      <c r="T45" s="127">
        <v>3</v>
      </c>
      <c r="U45" s="125">
        <v>6</v>
      </c>
      <c r="V45" s="125">
        <v>0</v>
      </c>
      <c r="W45" s="125">
        <v>3</v>
      </c>
      <c r="X45" s="125">
        <v>0</v>
      </c>
      <c r="Y45" s="125">
        <v>0</v>
      </c>
      <c r="Z45" s="125">
        <v>0</v>
      </c>
      <c r="AA45" s="125">
        <v>0</v>
      </c>
      <c r="AB45" s="128">
        <v>0</v>
      </c>
      <c r="AC45" s="127">
        <v>1</v>
      </c>
      <c r="AD45" s="125">
        <v>0</v>
      </c>
      <c r="AE45" s="125">
        <v>0</v>
      </c>
      <c r="AF45" s="125">
        <v>0</v>
      </c>
      <c r="AG45" s="125">
        <v>0</v>
      </c>
      <c r="AH45" s="125">
        <v>0</v>
      </c>
      <c r="AI45" s="125">
        <v>0</v>
      </c>
      <c r="AJ45" s="125">
        <v>0</v>
      </c>
      <c r="AK45" s="125">
        <v>0</v>
      </c>
      <c r="AL45" s="125">
        <v>0</v>
      </c>
      <c r="AM45" s="125">
        <v>2</v>
      </c>
      <c r="AN45" s="125">
        <v>0</v>
      </c>
      <c r="AO45" s="125">
        <v>0</v>
      </c>
      <c r="AP45" s="125">
        <v>0</v>
      </c>
      <c r="AQ45" s="136" t="s">
        <v>92</v>
      </c>
      <c r="AR45" s="124">
        <v>0</v>
      </c>
      <c r="AS45" s="125">
        <v>1</v>
      </c>
      <c r="AT45" s="125">
        <v>0</v>
      </c>
      <c r="AU45" s="125">
        <v>0</v>
      </c>
      <c r="AV45" s="125">
        <v>0</v>
      </c>
      <c r="AW45" s="125">
        <v>0</v>
      </c>
      <c r="AX45" s="125">
        <v>0</v>
      </c>
      <c r="AY45" s="125">
        <v>0</v>
      </c>
      <c r="AZ45" s="125">
        <v>0</v>
      </c>
      <c r="BA45" s="125">
        <v>0</v>
      </c>
      <c r="BB45" s="125">
        <v>1</v>
      </c>
      <c r="BC45" s="125">
        <v>0</v>
      </c>
      <c r="BD45" s="125">
        <v>0</v>
      </c>
      <c r="BE45" s="125">
        <v>0</v>
      </c>
      <c r="BF45" s="125">
        <v>0</v>
      </c>
      <c r="BG45" s="127">
        <v>3472129</v>
      </c>
      <c r="BH45" s="126">
        <v>155792</v>
      </c>
    </row>
    <row r="46" spans="1:60" ht="16.5" customHeight="1" x14ac:dyDescent="0.2">
      <c r="A46" s="131"/>
      <c r="B46" s="132">
        <f t="shared" si="11"/>
        <v>20</v>
      </c>
      <c r="C46" s="133">
        <v>0</v>
      </c>
      <c r="D46" s="134">
        <v>2</v>
      </c>
      <c r="E46" s="134">
        <v>2</v>
      </c>
      <c r="F46" s="134">
        <v>8</v>
      </c>
      <c r="G46" s="134">
        <v>0</v>
      </c>
      <c r="H46" s="134">
        <v>0</v>
      </c>
      <c r="I46" s="134">
        <v>0</v>
      </c>
      <c r="J46" s="134">
        <v>0</v>
      </c>
      <c r="K46" s="134">
        <v>1</v>
      </c>
      <c r="L46" s="134">
        <v>0</v>
      </c>
      <c r="M46" s="134">
        <v>0</v>
      </c>
      <c r="N46" s="134">
        <v>0</v>
      </c>
      <c r="O46" s="134">
        <v>0</v>
      </c>
      <c r="P46" s="134">
        <v>0</v>
      </c>
      <c r="Q46" s="134">
        <v>0</v>
      </c>
      <c r="R46" s="134">
        <v>0</v>
      </c>
      <c r="S46" s="131"/>
      <c r="T46" s="129">
        <v>0</v>
      </c>
      <c r="U46" s="134">
        <v>0</v>
      </c>
      <c r="V46" s="134">
        <v>0</v>
      </c>
      <c r="W46" s="134">
        <v>0</v>
      </c>
      <c r="X46" s="134">
        <v>0</v>
      </c>
      <c r="Y46" s="134">
        <v>0</v>
      </c>
      <c r="Z46" s="134">
        <v>0</v>
      </c>
      <c r="AA46" s="134">
        <v>0</v>
      </c>
      <c r="AB46" s="135">
        <v>0</v>
      </c>
      <c r="AC46" s="129">
        <v>3</v>
      </c>
      <c r="AD46" s="134">
        <v>0</v>
      </c>
      <c r="AE46" s="134">
        <v>0</v>
      </c>
      <c r="AF46" s="134">
        <v>0</v>
      </c>
      <c r="AG46" s="134">
        <v>0</v>
      </c>
      <c r="AH46" s="134">
        <v>0</v>
      </c>
      <c r="AI46" s="134">
        <v>0</v>
      </c>
      <c r="AJ46" s="134">
        <v>0</v>
      </c>
      <c r="AK46" s="134">
        <v>0</v>
      </c>
      <c r="AL46" s="134">
        <v>0</v>
      </c>
      <c r="AM46" s="134">
        <v>1</v>
      </c>
      <c r="AN46" s="134">
        <v>0</v>
      </c>
      <c r="AO46" s="134">
        <v>0</v>
      </c>
      <c r="AP46" s="134">
        <v>0</v>
      </c>
      <c r="AQ46" s="131"/>
      <c r="AR46" s="133">
        <v>0</v>
      </c>
      <c r="AS46" s="134">
        <v>3</v>
      </c>
      <c r="AT46" s="134">
        <v>0</v>
      </c>
      <c r="AU46" s="134">
        <v>0</v>
      </c>
      <c r="AV46" s="134">
        <v>0</v>
      </c>
      <c r="AW46" s="134">
        <v>0</v>
      </c>
      <c r="AX46" s="134">
        <v>0</v>
      </c>
      <c r="AY46" s="134">
        <v>0</v>
      </c>
      <c r="AZ46" s="134">
        <v>0</v>
      </c>
      <c r="BA46" s="134">
        <v>0</v>
      </c>
      <c r="BB46" s="134">
        <v>0</v>
      </c>
      <c r="BC46" s="134">
        <v>0</v>
      </c>
      <c r="BD46" s="134">
        <v>0</v>
      </c>
      <c r="BE46" s="134">
        <v>0</v>
      </c>
      <c r="BF46" s="134">
        <v>0</v>
      </c>
      <c r="BG46" s="129">
        <v>1173396</v>
      </c>
      <c r="BH46" s="130">
        <v>43422</v>
      </c>
    </row>
    <row r="47" spans="1:60" ht="16.5" customHeight="1" x14ac:dyDescent="0.2">
      <c r="A47" s="136" t="s">
        <v>93</v>
      </c>
      <c r="B47" s="137">
        <f t="shared" si="11"/>
        <v>35</v>
      </c>
      <c r="C47" s="124">
        <v>0</v>
      </c>
      <c r="D47" s="125">
        <v>0</v>
      </c>
      <c r="E47" s="125">
        <v>13</v>
      </c>
      <c r="F47" s="125">
        <v>2</v>
      </c>
      <c r="G47" s="125">
        <v>0</v>
      </c>
      <c r="H47" s="125">
        <v>0</v>
      </c>
      <c r="I47" s="125">
        <v>0</v>
      </c>
      <c r="J47" s="125">
        <v>0</v>
      </c>
      <c r="K47" s="125">
        <v>2</v>
      </c>
      <c r="L47" s="125">
        <v>2</v>
      </c>
      <c r="M47" s="125">
        <v>0</v>
      </c>
      <c r="N47" s="125">
        <v>0</v>
      </c>
      <c r="O47" s="125">
        <v>0</v>
      </c>
      <c r="P47" s="125">
        <v>0</v>
      </c>
      <c r="Q47" s="125">
        <v>0</v>
      </c>
      <c r="R47" s="126">
        <v>0</v>
      </c>
      <c r="S47" s="136" t="s">
        <v>93</v>
      </c>
      <c r="T47" s="127">
        <v>1</v>
      </c>
      <c r="U47" s="125">
        <v>5</v>
      </c>
      <c r="V47" s="125">
        <v>0</v>
      </c>
      <c r="W47" s="125">
        <v>4</v>
      </c>
      <c r="X47" s="125">
        <v>0</v>
      </c>
      <c r="Y47" s="125">
        <v>0</v>
      </c>
      <c r="Z47" s="125">
        <v>0</v>
      </c>
      <c r="AA47" s="125">
        <v>0</v>
      </c>
      <c r="AB47" s="128">
        <v>0</v>
      </c>
      <c r="AC47" s="127">
        <v>0</v>
      </c>
      <c r="AD47" s="125">
        <v>0</v>
      </c>
      <c r="AE47" s="125">
        <v>1</v>
      </c>
      <c r="AF47" s="125">
        <v>1</v>
      </c>
      <c r="AG47" s="125">
        <v>0</v>
      </c>
      <c r="AH47" s="125">
        <v>0</v>
      </c>
      <c r="AI47" s="125">
        <v>0</v>
      </c>
      <c r="AJ47" s="125">
        <v>0</v>
      </c>
      <c r="AK47" s="125">
        <v>0</v>
      </c>
      <c r="AL47" s="125">
        <v>0</v>
      </c>
      <c r="AM47" s="125">
        <v>0</v>
      </c>
      <c r="AN47" s="125">
        <v>0</v>
      </c>
      <c r="AO47" s="125">
        <v>0</v>
      </c>
      <c r="AP47" s="126">
        <v>2</v>
      </c>
      <c r="AQ47" s="136" t="s">
        <v>93</v>
      </c>
      <c r="AR47" s="124">
        <v>0</v>
      </c>
      <c r="AS47" s="125">
        <v>0</v>
      </c>
      <c r="AT47" s="125">
        <v>1</v>
      </c>
      <c r="AU47" s="125">
        <v>0</v>
      </c>
      <c r="AV47" s="125">
        <v>0</v>
      </c>
      <c r="AW47" s="125">
        <v>0</v>
      </c>
      <c r="AX47" s="125">
        <v>0</v>
      </c>
      <c r="AY47" s="125">
        <v>0</v>
      </c>
      <c r="AZ47" s="125">
        <v>1</v>
      </c>
      <c r="BA47" s="125">
        <v>0</v>
      </c>
      <c r="BB47" s="125">
        <v>0</v>
      </c>
      <c r="BC47" s="125">
        <v>0</v>
      </c>
      <c r="BD47" s="125">
        <v>0</v>
      </c>
      <c r="BE47" s="125">
        <v>0</v>
      </c>
      <c r="BF47" s="125">
        <v>0</v>
      </c>
      <c r="BG47" s="127">
        <v>4523048</v>
      </c>
      <c r="BH47" s="126">
        <v>186420</v>
      </c>
    </row>
    <row r="48" spans="1:60" ht="16.5" customHeight="1" x14ac:dyDescent="0.2">
      <c r="A48" s="131"/>
      <c r="B48" s="132">
        <f t="shared" si="11"/>
        <v>16</v>
      </c>
      <c r="C48" s="133">
        <v>0</v>
      </c>
      <c r="D48" s="134">
        <v>1</v>
      </c>
      <c r="E48" s="134">
        <v>0</v>
      </c>
      <c r="F48" s="134">
        <v>2</v>
      </c>
      <c r="G48" s="134">
        <v>0</v>
      </c>
      <c r="H48" s="134">
        <v>0</v>
      </c>
      <c r="I48" s="134">
        <v>1</v>
      </c>
      <c r="J48" s="134">
        <v>0</v>
      </c>
      <c r="K48" s="134">
        <v>0</v>
      </c>
      <c r="L48" s="134">
        <v>0</v>
      </c>
      <c r="M48" s="134">
        <v>0</v>
      </c>
      <c r="N48" s="134">
        <v>0</v>
      </c>
      <c r="O48" s="134">
        <v>0</v>
      </c>
      <c r="P48" s="134">
        <v>0</v>
      </c>
      <c r="Q48" s="134">
        <v>0</v>
      </c>
      <c r="R48" s="130">
        <v>0</v>
      </c>
      <c r="S48" s="131"/>
      <c r="T48" s="129">
        <v>0</v>
      </c>
      <c r="U48" s="134">
        <v>1</v>
      </c>
      <c r="V48" s="134">
        <v>0</v>
      </c>
      <c r="W48" s="134">
        <v>1</v>
      </c>
      <c r="X48" s="134">
        <v>0</v>
      </c>
      <c r="Y48" s="134">
        <v>0</v>
      </c>
      <c r="Z48" s="134">
        <v>0</v>
      </c>
      <c r="AA48" s="134">
        <v>0</v>
      </c>
      <c r="AB48" s="135">
        <v>0</v>
      </c>
      <c r="AC48" s="129">
        <v>7</v>
      </c>
      <c r="AD48" s="134">
        <v>0</v>
      </c>
      <c r="AE48" s="134">
        <v>0</v>
      </c>
      <c r="AF48" s="134">
        <v>0</v>
      </c>
      <c r="AG48" s="134">
        <v>0</v>
      </c>
      <c r="AH48" s="134">
        <v>0</v>
      </c>
      <c r="AI48" s="134">
        <v>0</v>
      </c>
      <c r="AJ48" s="134">
        <v>0</v>
      </c>
      <c r="AK48" s="134">
        <v>0</v>
      </c>
      <c r="AL48" s="134">
        <v>0</v>
      </c>
      <c r="AM48" s="134">
        <v>2</v>
      </c>
      <c r="AN48" s="134">
        <v>0</v>
      </c>
      <c r="AO48" s="134">
        <v>0</v>
      </c>
      <c r="AP48" s="130">
        <v>0</v>
      </c>
      <c r="AQ48" s="131"/>
      <c r="AR48" s="133">
        <v>0</v>
      </c>
      <c r="AS48" s="134">
        <v>0</v>
      </c>
      <c r="AT48" s="134">
        <v>0</v>
      </c>
      <c r="AU48" s="134">
        <v>0</v>
      </c>
      <c r="AV48" s="134">
        <v>0</v>
      </c>
      <c r="AW48" s="134">
        <v>0</v>
      </c>
      <c r="AX48" s="134">
        <v>0</v>
      </c>
      <c r="AY48" s="134">
        <v>0</v>
      </c>
      <c r="AZ48" s="134">
        <v>1</v>
      </c>
      <c r="BA48" s="134">
        <v>0</v>
      </c>
      <c r="BB48" s="134">
        <v>0</v>
      </c>
      <c r="BC48" s="134">
        <v>0</v>
      </c>
      <c r="BD48" s="134">
        <v>0</v>
      </c>
      <c r="BE48" s="134">
        <v>0</v>
      </c>
      <c r="BF48" s="134">
        <v>0</v>
      </c>
      <c r="BG48" s="129">
        <v>855416</v>
      </c>
      <c r="BH48" s="130">
        <v>35895</v>
      </c>
    </row>
    <row r="49" spans="1:60" ht="16.5" customHeight="1" x14ac:dyDescent="0.2">
      <c r="A49" s="136" t="s">
        <v>94</v>
      </c>
      <c r="B49" s="137">
        <f t="shared" si="11"/>
        <v>5</v>
      </c>
      <c r="C49" s="124">
        <v>0</v>
      </c>
      <c r="D49" s="125">
        <v>0</v>
      </c>
      <c r="E49" s="125">
        <v>1</v>
      </c>
      <c r="F49" s="125">
        <v>0</v>
      </c>
      <c r="G49" s="125">
        <v>0</v>
      </c>
      <c r="H49" s="125">
        <v>0</v>
      </c>
      <c r="I49" s="125">
        <v>0</v>
      </c>
      <c r="J49" s="125">
        <v>0</v>
      </c>
      <c r="K49" s="125">
        <v>0</v>
      </c>
      <c r="L49" s="125">
        <v>1</v>
      </c>
      <c r="M49" s="125">
        <v>0</v>
      </c>
      <c r="N49" s="125">
        <v>0</v>
      </c>
      <c r="O49" s="125">
        <v>0</v>
      </c>
      <c r="P49" s="125">
        <v>0</v>
      </c>
      <c r="Q49" s="125">
        <v>0</v>
      </c>
      <c r="R49" s="126">
        <v>0</v>
      </c>
      <c r="S49" s="136" t="s">
        <v>94</v>
      </c>
      <c r="T49" s="127">
        <v>0</v>
      </c>
      <c r="U49" s="125">
        <v>3</v>
      </c>
      <c r="V49" s="125">
        <v>0</v>
      </c>
      <c r="W49" s="125">
        <v>0</v>
      </c>
      <c r="X49" s="125">
        <v>0</v>
      </c>
      <c r="Y49" s="125">
        <v>0</v>
      </c>
      <c r="Z49" s="125">
        <v>0</v>
      </c>
      <c r="AA49" s="125">
        <v>0</v>
      </c>
      <c r="AB49" s="128">
        <v>0</v>
      </c>
      <c r="AC49" s="127">
        <v>0</v>
      </c>
      <c r="AD49" s="125">
        <v>0</v>
      </c>
      <c r="AE49" s="125">
        <v>0</v>
      </c>
      <c r="AF49" s="125">
        <v>0</v>
      </c>
      <c r="AG49" s="125">
        <v>0</v>
      </c>
      <c r="AH49" s="125">
        <v>0</v>
      </c>
      <c r="AI49" s="125">
        <v>0</v>
      </c>
      <c r="AJ49" s="125">
        <v>0</v>
      </c>
      <c r="AK49" s="125">
        <v>0</v>
      </c>
      <c r="AL49" s="125">
        <v>0</v>
      </c>
      <c r="AM49" s="125">
        <v>0</v>
      </c>
      <c r="AN49" s="125">
        <v>0</v>
      </c>
      <c r="AO49" s="125">
        <v>0</v>
      </c>
      <c r="AP49" s="125">
        <v>0</v>
      </c>
      <c r="AQ49" s="136" t="s">
        <v>94</v>
      </c>
      <c r="AR49" s="124">
        <v>0</v>
      </c>
      <c r="AS49" s="125">
        <v>0</v>
      </c>
      <c r="AT49" s="125">
        <v>0</v>
      </c>
      <c r="AU49" s="125">
        <v>0</v>
      </c>
      <c r="AV49" s="125">
        <v>0</v>
      </c>
      <c r="AW49" s="125">
        <v>0</v>
      </c>
      <c r="AX49" s="125">
        <v>0</v>
      </c>
      <c r="AY49" s="125">
        <v>0</v>
      </c>
      <c r="AZ49" s="125">
        <v>0</v>
      </c>
      <c r="BA49" s="125">
        <v>0</v>
      </c>
      <c r="BB49" s="125">
        <v>0</v>
      </c>
      <c r="BC49" s="125">
        <v>0</v>
      </c>
      <c r="BD49" s="125">
        <v>0</v>
      </c>
      <c r="BE49" s="125">
        <v>0</v>
      </c>
      <c r="BF49" s="125">
        <v>0</v>
      </c>
      <c r="BG49" s="127">
        <v>223777</v>
      </c>
      <c r="BH49" s="126">
        <v>5750</v>
      </c>
    </row>
    <row r="50" spans="1:60" ht="16.5" customHeight="1" x14ac:dyDescent="0.2">
      <c r="A50" s="131"/>
      <c r="B50" s="132">
        <f t="shared" si="11"/>
        <v>5</v>
      </c>
      <c r="C50" s="133">
        <v>0</v>
      </c>
      <c r="D50" s="134">
        <v>0</v>
      </c>
      <c r="E50" s="134">
        <v>1</v>
      </c>
      <c r="F50" s="134">
        <v>0</v>
      </c>
      <c r="G50" s="134">
        <v>0</v>
      </c>
      <c r="H50" s="134">
        <v>0</v>
      </c>
      <c r="I50" s="134">
        <v>0</v>
      </c>
      <c r="J50" s="134">
        <v>0</v>
      </c>
      <c r="K50" s="134">
        <v>0</v>
      </c>
      <c r="L50" s="134">
        <v>0</v>
      </c>
      <c r="M50" s="134">
        <v>0</v>
      </c>
      <c r="N50" s="134">
        <v>0</v>
      </c>
      <c r="O50" s="134">
        <v>0</v>
      </c>
      <c r="P50" s="134">
        <v>0</v>
      </c>
      <c r="Q50" s="134">
        <v>0</v>
      </c>
      <c r="R50" s="130">
        <v>0</v>
      </c>
      <c r="S50" s="131"/>
      <c r="T50" s="129">
        <v>0</v>
      </c>
      <c r="U50" s="134">
        <v>0</v>
      </c>
      <c r="V50" s="134">
        <v>0</v>
      </c>
      <c r="W50" s="134">
        <v>0</v>
      </c>
      <c r="X50" s="134">
        <v>0</v>
      </c>
      <c r="Y50" s="134">
        <v>0</v>
      </c>
      <c r="Z50" s="134">
        <v>0</v>
      </c>
      <c r="AA50" s="134">
        <v>0</v>
      </c>
      <c r="AB50" s="135">
        <v>0</v>
      </c>
      <c r="AC50" s="129">
        <v>4</v>
      </c>
      <c r="AD50" s="134">
        <v>0</v>
      </c>
      <c r="AE50" s="134">
        <v>0</v>
      </c>
      <c r="AF50" s="134">
        <v>0</v>
      </c>
      <c r="AG50" s="134">
        <v>0</v>
      </c>
      <c r="AH50" s="134">
        <v>0</v>
      </c>
      <c r="AI50" s="134">
        <v>0</v>
      </c>
      <c r="AJ50" s="134">
        <v>0</v>
      </c>
      <c r="AK50" s="134">
        <v>0</v>
      </c>
      <c r="AL50" s="134">
        <v>0</v>
      </c>
      <c r="AM50" s="134">
        <v>0</v>
      </c>
      <c r="AN50" s="134">
        <v>0</v>
      </c>
      <c r="AO50" s="134">
        <v>0</v>
      </c>
      <c r="AP50" s="134">
        <v>0</v>
      </c>
      <c r="AQ50" s="131"/>
      <c r="AR50" s="133">
        <v>0</v>
      </c>
      <c r="AS50" s="134">
        <v>0</v>
      </c>
      <c r="AT50" s="134">
        <v>0</v>
      </c>
      <c r="AU50" s="134">
        <v>0</v>
      </c>
      <c r="AV50" s="134">
        <v>0</v>
      </c>
      <c r="AW50" s="134">
        <v>0</v>
      </c>
      <c r="AX50" s="134">
        <v>0</v>
      </c>
      <c r="AY50" s="134">
        <v>0</v>
      </c>
      <c r="AZ50" s="134">
        <v>0</v>
      </c>
      <c r="BA50" s="134">
        <v>0</v>
      </c>
      <c r="BB50" s="134">
        <v>0</v>
      </c>
      <c r="BC50" s="134">
        <v>0</v>
      </c>
      <c r="BD50" s="134">
        <v>0</v>
      </c>
      <c r="BE50" s="134">
        <v>0</v>
      </c>
      <c r="BF50" s="134">
        <v>0</v>
      </c>
      <c r="BG50" s="129">
        <v>210408</v>
      </c>
      <c r="BH50" s="130">
        <v>0</v>
      </c>
    </row>
    <row r="51" spans="1:60" ht="16.5" customHeight="1" x14ac:dyDescent="0.2">
      <c r="A51" s="136" t="s">
        <v>95</v>
      </c>
      <c r="B51" s="137">
        <f t="shared" si="11"/>
        <v>14</v>
      </c>
      <c r="C51" s="124">
        <v>0</v>
      </c>
      <c r="D51" s="125">
        <v>0</v>
      </c>
      <c r="E51" s="125">
        <v>6</v>
      </c>
      <c r="F51" s="125">
        <v>0</v>
      </c>
      <c r="G51" s="125">
        <v>0</v>
      </c>
      <c r="H51" s="125">
        <v>0</v>
      </c>
      <c r="I51" s="125">
        <v>0</v>
      </c>
      <c r="J51" s="125">
        <v>0</v>
      </c>
      <c r="K51" s="125">
        <v>0</v>
      </c>
      <c r="L51" s="125">
        <v>2</v>
      </c>
      <c r="M51" s="125">
        <v>0</v>
      </c>
      <c r="N51" s="125">
        <v>0</v>
      </c>
      <c r="O51" s="125">
        <v>0</v>
      </c>
      <c r="P51" s="125">
        <v>0</v>
      </c>
      <c r="Q51" s="125">
        <v>0</v>
      </c>
      <c r="R51" s="126">
        <v>0</v>
      </c>
      <c r="S51" s="136" t="s">
        <v>95</v>
      </c>
      <c r="T51" s="127">
        <v>0</v>
      </c>
      <c r="U51" s="125">
        <v>2</v>
      </c>
      <c r="V51" s="125">
        <v>0</v>
      </c>
      <c r="W51" s="125">
        <v>3</v>
      </c>
      <c r="X51" s="125">
        <v>0</v>
      </c>
      <c r="Y51" s="125">
        <v>0</v>
      </c>
      <c r="Z51" s="125">
        <v>0</v>
      </c>
      <c r="AA51" s="125">
        <v>0</v>
      </c>
      <c r="AB51" s="128">
        <v>0</v>
      </c>
      <c r="AC51" s="127">
        <v>0</v>
      </c>
      <c r="AD51" s="125">
        <v>0</v>
      </c>
      <c r="AE51" s="125">
        <v>0</v>
      </c>
      <c r="AF51" s="125">
        <v>0</v>
      </c>
      <c r="AG51" s="125">
        <v>0</v>
      </c>
      <c r="AH51" s="125">
        <v>0</v>
      </c>
      <c r="AI51" s="125">
        <v>0</v>
      </c>
      <c r="AJ51" s="125">
        <v>0</v>
      </c>
      <c r="AK51" s="125">
        <v>0</v>
      </c>
      <c r="AL51" s="125">
        <v>0</v>
      </c>
      <c r="AM51" s="125">
        <v>0</v>
      </c>
      <c r="AN51" s="125">
        <v>0</v>
      </c>
      <c r="AO51" s="125">
        <v>0</v>
      </c>
      <c r="AP51" s="126">
        <v>1</v>
      </c>
      <c r="AQ51" s="136" t="s">
        <v>95</v>
      </c>
      <c r="AR51" s="124">
        <v>0</v>
      </c>
      <c r="AS51" s="125">
        <v>0</v>
      </c>
      <c r="AT51" s="125">
        <v>0</v>
      </c>
      <c r="AU51" s="125">
        <v>0</v>
      </c>
      <c r="AV51" s="125">
        <v>0</v>
      </c>
      <c r="AW51" s="125">
        <v>0</v>
      </c>
      <c r="AX51" s="125">
        <v>0</v>
      </c>
      <c r="AY51" s="125">
        <v>0</v>
      </c>
      <c r="AZ51" s="125">
        <v>0</v>
      </c>
      <c r="BA51" s="125">
        <v>0</v>
      </c>
      <c r="BB51" s="125">
        <v>0</v>
      </c>
      <c r="BC51" s="125">
        <v>0</v>
      </c>
      <c r="BD51" s="125">
        <v>0</v>
      </c>
      <c r="BE51" s="125">
        <v>0</v>
      </c>
      <c r="BF51" s="125">
        <v>0</v>
      </c>
      <c r="BG51" s="127">
        <v>2360677</v>
      </c>
      <c r="BH51" s="126">
        <v>59601</v>
      </c>
    </row>
    <row r="52" spans="1:60" ht="16.5" customHeight="1" x14ac:dyDescent="0.2">
      <c r="A52" s="131"/>
      <c r="B52" s="132">
        <f t="shared" si="11"/>
        <v>7</v>
      </c>
      <c r="C52" s="133">
        <v>0</v>
      </c>
      <c r="D52" s="134">
        <v>0</v>
      </c>
      <c r="E52" s="134">
        <v>1</v>
      </c>
      <c r="F52" s="134">
        <v>2</v>
      </c>
      <c r="G52" s="134">
        <v>0</v>
      </c>
      <c r="H52" s="134">
        <v>0</v>
      </c>
      <c r="I52" s="134">
        <v>0</v>
      </c>
      <c r="J52" s="134">
        <v>0</v>
      </c>
      <c r="K52" s="134">
        <v>0</v>
      </c>
      <c r="L52" s="134">
        <v>0</v>
      </c>
      <c r="M52" s="134">
        <v>0</v>
      </c>
      <c r="N52" s="134">
        <v>0</v>
      </c>
      <c r="O52" s="134">
        <v>0</v>
      </c>
      <c r="P52" s="134">
        <v>0</v>
      </c>
      <c r="Q52" s="134">
        <v>0</v>
      </c>
      <c r="R52" s="130">
        <v>0</v>
      </c>
      <c r="S52" s="131"/>
      <c r="T52" s="129">
        <v>0</v>
      </c>
      <c r="U52" s="134">
        <v>0</v>
      </c>
      <c r="V52" s="134">
        <v>0</v>
      </c>
      <c r="W52" s="134">
        <v>1</v>
      </c>
      <c r="X52" s="134">
        <v>0</v>
      </c>
      <c r="Y52" s="134">
        <v>0</v>
      </c>
      <c r="Z52" s="134">
        <v>0</v>
      </c>
      <c r="AA52" s="134">
        <v>0</v>
      </c>
      <c r="AB52" s="135">
        <v>0</v>
      </c>
      <c r="AC52" s="129">
        <v>2</v>
      </c>
      <c r="AD52" s="134">
        <v>0</v>
      </c>
      <c r="AE52" s="134">
        <v>0</v>
      </c>
      <c r="AF52" s="134">
        <v>0</v>
      </c>
      <c r="AG52" s="134">
        <v>0</v>
      </c>
      <c r="AH52" s="134">
        <v>0</v>
      </c>
      <c r="AI52" s="134">
        <v>0</v>
      </c>
      <c r="AJ52" s="134">
        <v>0</v>
      </c>
      <c r="AK52" s="134">
        <v>0</v>
      </c>
      <c r="AL52" s="134">
        <v>0</v>
      </c>
      <c r="AM52" s="134">
        <v>0</v>
      </c>
      <c r="AN52" s="134">
        <v>0</v>
      </c>
      <c r="AO52" s="134">
        <v>1</v>
      </c>
      <c r="AP52" s="130">
        <v>0</v>
      </c>
      <c r="AQ52" s="131"/>
      <c r="AR52" s="133">
        <v>0</v>
      </c>
      <c r="AS52" s="134">
        <v>0</v>
      </c>
      <c r="AT52" s="134">
        <v>0</v>
      </c>
      <c r="AU52" s="134">
        <v>0</v>
      </c>
      <c r="AV52" s="134">
        <v>0</v>
      </c>
      <c r="AW52" s="134">
        <v>0</v>
      </c>
      <c r="AX52" s="134">
        <v>0</v>
      </c>
      <c r="AY52" s="134">
        <v>0</v>
      </c>
      <c r="AZ52" s="134">
        <v>0</v>
      </c>
      <c r="BA52" s="134">
        <v>0</v>
      </c>
      <c r="BB52" s="134">
        <v>0</v>
      </c>
      <c r="BC52" s="134">
        <v>0</v>
      </c>
      <c r="BD52" s="134">
        <v>0</v>
      </c>
      <c r="BE52" s="134">
        <v>0</v>
      </c>
      <c r="BF52" s="134">
        <v>0</v>
      </c>
      <c r="BG52" s="129">
        <v>122647</v>
      </c>
      <c r="BH52" s="130">
        <v>4614</v>
      </c>
    </row>
    <row r="53" spans="1:60" ht="16.5" customHeight="1" x14ac:dyDescent="0.2">
      <c r="A53" s="136" t="s">
        <v>96</v>
      </c>
      <c r="B53" s="137">
        <f t="shared" si="11"/>
        <v>10</v>
      </c>
      <c r="C53" s="124">
        <v>0</v>
      </c>
      <c r="D53" s="125">
        <v>0</v>
      </c>
      <c r="E53" s="125">
        <v>3</v>
      </c>
      <c r="F53" s="125">
        <v>0</v>
      </c>
      <c r="G53" s="125">
        <v>0</v>
      </c>
      <c r="H53" s="125">
        <v>0</v>
      </c>
      <c r="I53" s="125">
        <v>0</v>
      </c>
      <c r="J53" s="125">
        <v>0</v>
      </c>
      <c r="K53" s="125">
        <v>0</v>
      </c>
      <c r="L53" s="125">
        <v>2</v>
      </c>
      <c r="M53" s="125">
        <v>0</v>
      </c>
      <c r="N53" s="125">
        <v>0</v>
      </c>
      <c r="O53" s="125">
        <v>0</v>
      </c>
      <c r="P53" s="125">
        <v>1</v>
      </c>
      <c r="Q53" s="125">
        <v>0</v>
      </c>
      <c r="R53" s="126">
        <v>0</v>
      </c>
      <c r="S53" s="136" t="s">
        <v>96</v>
      </c>
      <c r="T53" s="127">
        <v>0</v>
      </c>
      <c r="U53" s="125">
        <v>1</v>
      </c>
      <c r="V53" s="125">
        <v>0</v>
      </c>
      <c r="W53" s="125">
        <v>1</v>
      </c>
      <c r="X53" s="125">
        <v>0</v>
      </c>
      <c r="Y53" s="125">
        <v>0</v>
      </c>
      <c r="Z53" s="125">
        <v>0</v>
      </c>
      <c r="AA53" s="125">
        <v>0</v>
      </c>
      <c r="AB53" s="128">
        <v>0</v>
      </c>
      <c r="AC53" s="127">
        <v>2</v>
      </c>
      <c r="AD53" s="125">
        <v>0</v>
      </c>
      <c r="AE53" s="125">
        <v>0</v>
      </c>
      <c r="AF53" s="125">
        <v>0</v>
      </c>
      <c r="AG53" s="125">
        <v>0</v>
      </c>
      <c r="AH53" s="125">
        <v>0</v>
      </c>
      <c r="AI53" s="125">
        <v>0</v>
      </c>
      <c r="AJ53" s="125">
        <v>0</v>
      </c>
      <c r="AK53" s="125">
        <v>0</v>
      </c>
      <c r="AL53" s="125">
        <v>0</v>
      </c>
      <c r="AM53" s="125">
        <v>0</v>
      </c>
      <c r="AN53" s="125">
        <v>0</v>
      </c>
      <c r="AO53" s="125">
        <v>0</v>
      </c>
      <c r="AP53" s="125">
        <v>0</v>
      </c>
      <c r="AQ53" s="136" t="s">
        <v>96</v>
      </c>
      <c r="AR53" s="124">
        <v>0</v>
      </c>
      <c r="AS53" s="125">
        <v>0</v>
      </c>
      <c r="AT53" s="125">
        <v>0</v>
      </c>
      <c r="AU53" s="125">
        <v>0</v>
      </c>
      <c r="AV53" s="125">
        <v>0</v>
      </c>
      <c r="AW53" s="125">
        <v>0</v>
      </c>
      <c r="AX53" s="125">
        <v>0</v>
      </c>
      <c r="AY53" s="125">
        <v>0</v>
      </c>
      <c r="AZ53" s="125">
        <v>0</v>
      </c>
      <c r="BA53" s="125">
        <v>0</v>
      </c>
      <c r="BB53" s="125">
        <v>0</v>
      </c>
      <c r="BC53" s="125">
        <v>0</v>
      </c>
      <c r="BD53" s="125">
        <v>0</v>
      </c>
      <c r="BE53" s="125">
        <v>0</v>
      </c>
      <c r="BF53" s="125">
        <v>0</v>
      </c>
      <c r="BG53" s="127">
        <v>1155501</v>
      </c>
      <c r="BH53" s="126">
        <v>90782</v>
      </c>
    </row>
    <row r="54" spans="1:60" ht="16.5" customHeight="1" x14ac:dyDescent="0.2">
      <c r="A54" s="131"/>
      <c r="B54" s="132">
        <f t="shared" si="11"/>
        <v>7</v>
      </c>
      <c r="C54" s="133">
        <v>0</v>
      </c>
      <c r="D54" s="134">
        <v>1</v>
      </c>
      <c r="E54" s="134">
        <v>0</v>
      </c>
      <c r="F54" s="134">
        <v>1</v>
      </c>
      <c r="G54" s="134">
        <v>0</v>
      </c>
      <c r="H54" s="134">
        <v>0</v>
      </c>
      <c r="I54" s="134">
        <v>1</v>
      </c>
      <c r="J54" s="134">
        <v>0</v>
      </c>
      <c r="K54" s="134">
        <v>0</v>
      </c>
      <c r="L54" s="134">
        <v>0</v>
      </c>
      <c r="M54" s="134">
        <v>0</v>
      </c>
      <c r="N54" s="134">
        <v>0</v>
      </c>
      <c r="O54" s="134">
        <v>0</v>
      </c>
      <c r="P54" s="134">
        <v>0</v>
      </c>
      <c r="Q54" s="134">
        <v>0</v>
      </c>
      <c r="R54" s="134">
        <v>0</v>
      </c>
      <c r="S54" s="131"/>
      <c r="T54" s="129">
        <v>0</v>
      </c>
      <c r="U54" s="134">
        <v>1</v>
      </c>
      <c r="V54" s="134">
        <v>0</v>
      </c>
      <c r="W54" s="134">
        <v>0</v>
      </c>
      <c r="X54" s="134">
        <v>0</v>
      </c>
      <c r="Y54" s="134">
        <v>0</v>
      </c>
      <c r="Z54" s="134">
        <v>0</v>
      </c>
      <c r="AA54" s="134">
        <v>0</v>
      </c>
      <c r="AB54" s="135">
        <v>0</v>
      </c>
      <c r="AC54" s="129">
        <v>3</v>
      </c>
      <c r="AD54" s="134">
        <v>0</v>
      </c>
      <c r="AE54" s="134">
        <v>0</v>
      </c>
      <c r="AF54" s="134">
        <v>0</v>
      </c>
      <c r="AG54" s="134">
        <v>0</v>
      </c>
      <c r="AH54" s="134">
        <v>0</v>
      </c>
      <c r="AI54" s="134">
        <v>0</v>
      </c>
      <c r="AJ54" s="134">
        <v>0</v>
      </c>
      <c r="AK54" s="134">
        <v>0</v>
      </c>
      <c r="AL54" s="134">
        <v>0</v>
      </c>
      <c r="AM54" s="134">
        <v>0</v>
      </c>
      <c r="AN54" s="134">
        <v>0</v>
      </c>
      <c r="AO54" s="134">
        <v>0</v>
      </c>
      <c r="AP54" s="134">
        <v>0</v>
      </c>
      <c r="AQ54" s="131"/>
      <c r="AR54" s="133">
        <v>0</v>
      </c>
      <c r="AS54" s="134">
        <v>0</v>
      </c>
      <c r="AT54" s="134">
        <v>0</v>
      </c>
      <c r="AU54" s="134">
        <v>0</v>
      </c>
      <c r="AV54" s="134">
        <v>0</v>
      </c>
      <c r="AW54" s="134">
        <v>0</v>
      </c>
      <c r="AX54" s="134">
        <v>0</v>
      </c>
      <c r="AY54" s="134">
        <v>0</v>
      </c>
      <c r="AZ54" s="134">
        <v>0</v>
      </c>
      <c r="BA54" s="134">
        <v>0</v>
      </c>
      <c r="BB54" s="134">
        <v>0</v>
      </c>
      <c r="BC54" s="134">
        <v>0</v>
      </c>
      <c r="BD54" s="134">
        <v>0</v>
      </c>
      <c r="BE54" s="134">
        <v>0</v>
      </c>
      <c r="BF54" s="134">
        <v>0</v>
      </c>
      <c r="BG54" s="129">
        <v>446781</v>
      </c>
      <c r="BH54" s="130">
        <v>1838</v>
      </c>
    </row>
    <row r="55" spans="1:60" ht="16.5" customHeight="1" x14ac:dyDescent="0.2">
      <c r="A55" s="136" t="s">
        <v>97</v>
      </c>
      <c r="B55" s="137">
        <f t="shared" si="11"/>
        <v>10</v>
      </c>
      <c r="C55" s="124">
        <v>1</v>
      </c>
      <c r="D55" s="125">
        <v>1</v>
      </c>
      <c r="E55" s="125">
        <v>0</v>
      </c>
      <c r="F55" s="125">
        <v>0</v>
      </c>
      <c r="G55" s="125">
        <v>0</v>
      </c>
      <c r="H55" s="125">
        <v>0</v>
      </c>
      <c r="I55" s="125">
        <v>0</v>
      </c>
      <c r="J55" s="125">
        <v>0</v>
      </c>
      <c r="K55" s="125">
        <v>0</v>
      </c>
      <c r="L55" s="125">
        <v>0</v>
      </c>
      <c r="M55" s="125">
        <v>0</v>
      </c>
      <c r="N55" s="125">
        <v>0</v>
      </c>
      <c r="O55" s="125">
        <v>0</v>
      </c>
      <c r="P55" s="125">
        <v>0</v>
      </c>
      <c r="Q55" s="125">
        <v>0</v>
      </c>
      <c r="R55" s="125">
        <v>0</v>
      </c>
      <c r="S55" s="136" t="s">
        <v>97</v>
      </c>
      <c r="T55" s="127">
        <v>5</v>
      </c>
      <c r="U55" s="125">
        <v>0</v>
      </c>
      <c r="V55" s="125">
        <v>1</v>
      </c>
      <c r="W55" s="125">
        <v>0</v>
      </c>
      <c r="X55" s="125">
        <v>0</v>
      </c>
      <c r="Y55" s="125">
        <v>0</v>
      </c>
      <c r="Z55" s="125">
        <v>0</v>
      </c>
      <c r="AA55" s="125">
        <v>0</v>
      </c>
      <c r="AB55" s="128">
        <v>0</v>
      </c>
      <c r="AC55" s="127">
        <v>0</v>
      </c>
      <c r="AD55" s="125">
        <v>0</v>
      </c>
      <c r="AE55" s="125">
        <v>0</v>
      </c>
      <c r="AF55" s="125">
        <v>0</v>
      </c>
      <c r="AG55" s="125">
        <v>0</v>
      </c>
      <c r="AH55" s="125">
        <v>0</v>
      </c>
      <c r="AI55" s="125">
        <v>0</v>
      </c>
      <c r="AJ55" s="125">
        <v>0</v>
      </c>
      <c r="AK55" s="125">
        <v>0</v>
      </c>
      <c r="AL55" s="125">
        <v>0</v>
      </c>
      <c r="AM55" s="125">
        <v>1</v>
      </c>
      <c r="AN55" s="125">
        <v>1</v>
      </c>
      <c r="AO55" s="125">
        <v>0</v>
      </c>
      <c r="AP55" s="126">
        <v>0</v>
      </c>
      <c r="AQ55" s="136" t="s">
        <v>97</v>
      </c>
      <c r="AR55" s="124">
        <v>0</v>
      </c>
      <c r="AS55" s="125">
        <v>0</v>
      </c>
      <c r="AT55" s="125">
        <v>0</v>
      </c>
      <c r="AU55" s="125">
        <v>0</v>
      </c>
      <c r="AV55" s="125">
        <v>0</v>
      </c>
      <c r="AW55" s="125">
        <v>0</v>
      </c>
      <c r="AX55" s="125">
        <v>0</v>
      </c>
      <c r="AY55" s="125">
        <v>0</v>
      </c>
      <c r="AZ55" s="125">
        <v>0</v>
      </c>
      <c r="BA55" s="125">
        <v>0</v>
      </c>
      <c r="BB55" s="125">
        <v>0</v>
      </c>
      <c r="BC55" s="125">
        <v>0</v>
      </c>
      <c r="BD55" s="125">
        <v>0</v>
      </c>
      <c r="BE55" s="125">
        <v>0</v>
      </c>
      <c r="BF55" s="125">
        <v>0</v>
      </c>
      <c r="BG55" s="127">
        <v>1815752</v>
      </c>
      <c r="BH55" s="126">
        <v>55849</v>
      </c>
    </row>
    <row r="56" spans="1:60" ht="16.5" customHeight="1" x14ac:dyDescent="0.2">
      <c r="A56" s="131"/>
      <c r="B56" s="132">
        <f t="shared" si="11"/>
        <v>9</v>
      </c>
      <c r="C56" s="133">
        <v>0</v>
      </c>
      <c r="D56" s="134">
        <v>1</v>
      </c>
      <c r="E56" s="134">
        <v>1</v>
      </c>
      <c r="F56" s="134">
        <v>0</v>
      </c>
      <c r="G56" s="134">
        <v>0</v>
      </c>
      <c r="H56" s="134">
        <v>0</v>
      </c>
      <c r="I56" s="134">
        <v>0</v>
      </c>
      <c r="J56" s="134">
        <v>0</v>
      </c>
      <c r="K56" s="134">
        <v>0</v>
      </c>
      <c r="L56" s="134">
        <v>0</v>
      </c>
      <c r="M56" s="134">
        <v>0</v>
      </c>
      <c r="N56" s="134">
        <v>0</v>
      </c>
      <c r="O56" s="134">
        <v>0</v>
      </c>
      <c r="P56" s="134">
        <v>0</v>
      </c>
      <c r="Q56" s="134">
        <v>0</v>
      </c>
      <c r="R56" s="134">
        <v>0</v>
      </c>
      <c r="S56" s="131"/>
      <c r="T56" s="129">
        <v>0</v>
      </c>
      <c r="U56" s="134">
        <v>0</v>
      </c>
      <c r="V56" s="134">
        <v>1</v>
      </c>
      <c r="W56" s="134">
        <v>0</v>
      </c>
      <c r="X56" s="134">
        <v>0</v>
      </c>
      <c r="Y56" s="134">
        <v>0</v>
      </c>
      <c r="Z56" s="134">
        <v>0</v>
      </c>
      <c r="AA56" s="134">
        <v>0</v>
      </c>
      <c r="AB56" s="135">
        <v>0</v>
      </c>
      <c r="AC56" s="129">
        <v>3</v>
      </c>
      <c r="AD56" s="134">
        <v>0</v>
      </c>
      <c r="AE56" s="134">
        <v>0</v>
      </c>
      <c r="AF56" s="134">
        <v>1</v>
      </c>
      <c r="AG56" s="134">
        <v>0</v>
      </c>
      <c r="AH56" s="134">
        <v>0</v>
      </c>
      <c r="AI56" s="134">
        <v>0</v>
      </c>
      <c r="AJ56" s="134">
        <v>0</v>
      </c>
      <c r="AK56" s="134">
        <v>0</v>
      </c>
      <c r="AL56" s="134">
        <v>0</v>
      </c>
      <c r="AM56" s="134">
        <v>1</v>
      </c>
      <c r="AN56" s="134">
        <v>1</v>
      </c>
      <c r="AO56" s="134">
        <v>0</v>
      </c>
      <c r="AP56" s="130">
        <v>0</v>
      </c>
      <c r="AQ56" s="131"/>
      <c r="AR56" s="133">
        <v>0</v>
      </c>
      <c r="AS56" s="134">
        <v>0</v>
      </c>
      <c r="AT56" s="134">
        <v>0</v>
      </c>
      <c r="AU56" s="134">
        <v>0</v>
      </c>
      <c r="AV56" s="134">
        <v>0</v>
      </c>
      <c r="AW56" s="134">
        <v>0</v>
      </c>
      <c r="AX56" s="134">
        <v>0</v>
      </c>
      <c r="AY56" s="134">
        <v>0</v>
      </c>
      <c r="AZ56" s="134">
        <v>0</v>
      </c>
      <c r="BA56" s="134">
        <v>0</v>
      </c>
      <c r="BB56" s="134">
        <v>0</v>
      </c>
      <c r="BC56" s="134">
        <v>0</v>
      </c>
      <c r="BD56" s="134">
        <v>0</v>
      </c>
      <c r="BE56" s="134">
        <v>0</v>
      </c>
      <c r="BF56" s="134">
        <v>0</v>
      </c>
      <c r="BG56" s="129">
        <v>568800</v>
      </c>
      <c r="BH56" s="130">
        <v>14369</v>
      </c>
    </row>
    <row r="57" spans="1:60" ht="16.5" customHeight="1" x14ac:dyDescent="0.2">
      <c r="A57" s="136" t="s">
        <v>98</v>
      </c>
      <c r="B57" s="137">
        <f t="shared" si="11"/>
        <v>20</v>
      </c>
      <c r="C57" s="124">
        <v>0</v>
      </c>
      <c r="D57" s="125">
        <v>1</v>
      </c>
      <c r="E57" s="125">
        <v>9</v>
      </c>
      <c r="F57" s="125">
        <v>0</v>
      </c>
      <c r="G57" s="125">
        <v>0</v>
      </c>
      <c r="H57" s="125">
        <v>1</v>
      </c>
      <c r="I57" s="125">
        <v>0</v>
      </c>
      <c r="J57" s="125">
        <v>0</v>
      </c>
      <c r="K57" s="125">
        <v>0</v>
      </c>
      <c r="L57" s="125">
        <v>0</v>
      </c>
      <c r="M57" s="125">
        <v>0</v>
      </c>
      <c r="N57" s="125">
        <v>0</v>
      </c>
      <c r="O57" s="125">
        <v>0</v>
      </c>
      <c r="P57" s="125">
        <v>0</v>
      </c>
      <c r="Q57" s="125">
        <v>0</v>
      </c>
      <c r="R57" s="126">
        <v>0</v>
      </c>
      <c r="S57" s="136" t="s">
        <v>98</v>
      </c>
      <c r="T57" s="127">
        <v>0</v>
      </c>
      <c r="U57" s="125">
        <v>3</v>
      </c>
      <c r="V57" s="125">
        <v>0</v>
      </c>
      <c r="W57" s="125">
        <v>3</v>
      </c>
      <c r="X57" s="125">
        <v>0</v>
      </c>
      <c r="Y57" s="125">
        <v>0</v>
      </c>
      <c r="Z57" s="125">
        <v>0</v>
      </c>
      <c r="AA57" s="125">
        <v>0</v>
      </c>
      <c r="AB57" s="128">
        <v>0</v>
      </c>
      <c r="AC57" s="127">
        <v>1</v>
      </c>
      <c r="AD57" s="125">
        <v>0</v>
      </c>
      <c r="AE57" s="125">
        <v>0</v>
      </c>
      <c r="AF57" s="125">
        <v>0</v>
      </c>
      <c r="AG57" s="125">
        <v>0</v>
      </c>
      <c r="AH57" s="125">
        <v>0</v>
      </c>
      <c r="AI57" s="125">
        <v>0</v>
      </c>
      <c r="AJ57" s="125">
        <v>0</v>
      </c>
      <c r="AK57" s="125">
        <v>0</v>
      </c>
      <c r="AL57" s="125">
        <v>0</v>
      </c>
      <c r="AM57" s="125">
        <v>0</v>
      </c>
      <c r="AN57" s="125">
        <v>0</v>
      </c>
      <c r="AO57" s="125">
        <v>0</v>
      </c>
      <c r="AP57" s="125">
        <v>2</v>
      </c>
      <c r="AQ57" s="136" t="s">
        <v>98</v>
      </c>
      <c r="AR57" s="124">
        <v>0</v>
      </c>
      <c r="AS57" s="125">
        <v>0</v>
      </c>
      <c r="AT57" s="125">
        <v>0</v>
      </c>
      <c r="AU57" s="125">
        <v>0</v>
      </c>
      <c r="AV57" s="125">
        <v>0</v>
      </c>
      <c r="AW57" s="125">
        <v>0</v>
      </c>
      <c r="AX57" s="125">
        <v>0</v>
      </c>
      <c r="AY57" s="125">
        <v>0</v>
      </c>
      <c r="AZ57" s="125">
        <v>0</v>
      </c>
      <c r="BA57" s="125">
        <v>0</v>
      </c>
      <c r="BB57" s="125">
        <v>0</v>
      </c>
      <c r="BC57" s="125">
        <v>0</v>
      </c>
      <c r="BD57" s="125">
        <v>0</v>
      </c>
      <c r="BE57" s="125">
        <v>0</v>
      </c>
      <c r="BF57" s="125">
        <v>0</v>
      </c>
      <c r="BG57" s="127">
        <v>3763451</v>
      </c>
      <c r="BH57" s="126">
        <v>84910</v>
      </c>
    </row>
    <row r="58" spans="1:60" ht="16.5" customHeight="1" x14ac:dyDescent="0.2">
      <c r="A58" s="131"/>
      <c r="B58" s="132">
        <f t="shared" si="11"/>
        <v>17</v>
      </c>
      <c r="C58" s="133">
        <v>0</v>
      </c>
      <c r="D58" s="134">
        <v>0</v>
      </c>
      <c r="E58" s="134">
        <v>2</v>
      </c>
      <c r="F58" s="134">
        <v>3</v>
      </c>
      <c r="G58" s="134">
        <v>0</v>
      </c>
      <c r="H58" s="134">
        <v>0</v>
      </c>
      <c r="I58" s="134">
        <v>0</v>
      </c>
      <c r="J58" s="134">
        <v>0</v>
      </c>
      <c r="K58" s="134">
        <v>0</v>
      </c>
      <c r="L58" s="134">
        <v>0</v>
      </c>
      <c r="M58" s="134">
        <v>0</v>
      </c>
      <c r="N58" s="134">
        <v>0</v>
      </c>
      <c r="O58" s="134">
        <v>0</v>
      </c>
      <c r="P58" s="134">
        <v>0</v>
      </c>
      <c r="Q58" s="134">
        <v>0</v>
      </c>
      <c r="R58" s="130">
        <v>0</v>
      </c>
      <c r="S58" s="131"/>
      <c r="T58" s="129">
        <v>0</v>
      </c>
      <c r="U58" s="134">
        <v>2</v>
      </c>
      <c r="V58" s="134">
        <v>0</v>
      </c>
      <c r="W58" s="134">
        <v>0</v>
      </c>
      <c r="X58" s="134">
        <v>0</v>
      </c>
      <c r="Y58" s="134">
        <v>0</v>
      </c>
      <c r="Z58" s="134">
        <v>0</v>
      </c>
      <c r="AA58" s="134">
        <v>0</v>
      </c>
      <c r="AB58" s="135">
        <v>0</v>
      </c>
      <c r="AC58" s="129">
        <v>7</v>
      </c>
      <c r="AD58" s="134">
        <v>0</v>
      </c>
      <c r="AE58" s="134">
        <v>0</v>
      </c>
      <c r="AF58" s="134">
        <v>0</v>
      </c>
      <c r="AG58" s="134">
        <v>0</v>
      </c>
      <c r="AH58" s="134">
        <v>0</v>
      </c>
      <c r="AI58" s="134">
        <v>0</v>
      </c>
      <c r="AJ58" s="134">
        <v>0</v>
      </c>
      <c r="AK58" s="134">
        <v>0</v>
      </c>
      <c r="AL58" s="134">
        <v>0</v>
      </c>
      <c r="AM58" s="134">
        <v>0</v>
      </c>
      <c r="AN58" s="134">
        <v>1</v>
      </c>
      <c r="AO58" s="134">
        <v>1</v>
      </c>
      <c r="AP58" s="134">
        <v>0</v>
      </c>
      <c r="AQ58" s="131"/>
      <c r="AR58" s="133">
        <v>0</v>
      </c>
      <c r="AS58" s="134">
        <v>0</v>
      </c>
      <c r="AT58" s="134">
        <v>0</v>
      </c>
      <c r="AU58" s="134">
        <v>0</v>
      </c>
      <c r="AV58" s="134">
        <v>0</v>
      </c>
      <c r="AW58" s="134">
        <v>0</v>
      </c>
      <c r="AX58" s="134">
        <v>1</v>
      </c>
      <c r="AY58" s="134">
        <v>0</v>
      </c>
      <c r="AZ58" s="134">
        <v>0</v>
      </c>
      <c r="BA58" s="134">
        <v>0</v>
      </c>
      <c r="BB58" s="134">
        <v>0</v>
      </c>
      <c r="BC58" s="134">
        <v>0</v>
      </c>
      <c r="BD58" s="134">
        <v>0</v>
      </c>
      <c r="BE58" s="134">
        <v>0</v>
      </c>
      <c r="BF58" s="134">
        <v>0</v>
      </c>
      <c r="BG58" s="129">
        <v>533004</v>
      </c>
      <c r="BH58" s="130">
        <v>40523</v>
      </c>
    </row>
    <row r="59" spans="1:60" ht="16.5" customHeight="1" x14ac:dyDescent="0.2">
      <c r="A59" s="136" t="s">
        <v>99</v>
      </c>
      <c r="B59" s="137">
        <f t="shared" si="11"/>
        <v>4</v>
      </c>
      <c r="C59" s="124">
        <v>0</v>
      </c>
      <c r="D59" s="125">
        <v>0</v>
      </c>
      <c r="E59" s="125">
        <v>2</v>
      </c>
      <c r="F59" s="125">
        <v>0</v>
      </c>
      <c r="G59" s="125">
        <v>0</v>
      </c>
      <c r="H59" s="125">
        <v>0</v>
      </c>
      <c r="I59" s="125">
        <v>0</v>
      </c>
      <c r="J59" s="125">
        <v>0</v>
      </c>
      <c r="K59" s="125">
        <v>0</v>
      </c>
      <c r="L59" s="125">
        <v>0</v>
      </c>
      <c r="M59" s="125">
        <v>0</v>
      </c>
      <c r="N59" s="125">
        <v>0</v>
      </c>
      <c r="O59" s="125">
        <v>0</v>
      </c>
      <c r="P59" s="125">
        <v>0</v>
      </c>
      <c r="Q59" s="125">
        <v>0</v>
      </c>
      <c r="R59" s="126">
        <v>0</v>
      </c>
      <c r="S59" s="136" t="s">
        <v>99</v>
      </c>
      <c r="T59" s="127">
        <v>0</v>
      </c>
      <c r="U59" s="125">
        <v>1</v>
      </c>
      <c r="V59" s="125">
        <v>0</v>
      </c>
      <c r="W59" s="125">
        <v>1</v>
      </c>
      <c r="X59" s="125">
        <v>0</v>
      </c>
      <c r="Y59" s="125">
        <v>0</v>
      </c>
      <c r="Z59" s="125">
        <v>0</v>
      </c>
      <c r="AA59" s="125">
        <v>0</v>
      </c>
      <c r="AB59" s="128">
        <v>0</v>
      </c>
      <c r="AC59" s="127">
        <v>0</v>
      </c>
      <c r="AD59" s="125">
        <v>0</v>
      </c>
      <c r="AE59" s="125">
        <v>0</v>
      </c>
      <c r="AF59" s="125">
        <v>0</v>
      </c>
      <c r="AG59" s="125">
        <v>0</v>
      </c>
      <c r="AH59" s="125">
        <v>0</v>
      </c>
      <c r="AI59" s="125">
        <v>0</v>
      </c>
      <c r="AJ59" s="125">
        <v>0</v>
      </c>
      <c r="AK59" s="125">
        <v>0</v>
      </c>
      <c r="AL59" s="125">
        <v>0</v>
      </c>
      <c r="AM59" s="125">
        <v>0</v>
      </c>
      <c r="AN59" s="125">
        <v>0</v>
      </c>
      <c r="AO59" s="125">
        <v>0</v>
      </c>
      <c r="AP59" s="125">
        <v>0</v>
      </c>
      <c r="AQ59" s="136" t="s">
        <v>99</v>
      </c>
      <c r="AR59" s="124">
        <v>0</v>
      </c>
      <c r="AS59" s="125">
        <v>0</v>
      </c>
      <c r="AT59" s="125">
        <v>0</v>
      </c>
      <c r="AU59" s="125">
        <v>0</v>
      </c>
      <c r="AV59" s="125">
        <v>0</v>
      </c>
      <c r="AW59" s="125">
        <v>0</v>
      </c>
      <c r="AX59" s="125">
        <v>0</v>
      </c>
      <c r="AY59" s="125">
        <v>0</v>
      </c>
      <c r="AZ59" s="125">
        <v>0</v>
      </c>
      <c r="BA59" s="125">
        <v>0</v>
      </c>
      <c r="BB59" s="125">
        <v>0</v>
      </c>
      <c r="BC59" s="125">
        <v>0</v>
      </c>
      <c r="BD59" s="125">
        <v>0</v>
      </c>
      <c r="BE59" s="125">
        <v>0</v>
      </c>
      <c r="BF59" s="125">
        <v>0</v>
      </c>
      <c r="BG59" s="127">
        <v>292131</v>
      </c>
      <c r="BH59" s="126">
        <v>5807</v>
      </c>
    </row>
    <row r="60" spans="1:60" ht="16.5" customHeight="1" x14ac:dyDescent="0.2">
      <c r="A60" s="131"/>
      <c r="B60" s="132">
        <f t="shared" si="11"/>
        <v>6</v>
      </c>
      <c r="C60" s="133">
        <v>0</v>
      </c>
      <c r="D60" s="134">
        <v>0</v>
      </c>
      <c r="E60" s="134">
        <v>0</v>
      </c>
      <c r="F60" s="134">
        <v>0</v>
      </c>
      <c r="G60" s="134">
        <v>0</v>
      </c>
      <c r="H60" s="134">
        <v>0</v>
      </c>
      <c r="I60" s="134">
        <v>0</v>
      </c>
      <c r="J60" s="134">
        <v>0</v>
      </c>
      <c r="K60" s="134">
        <v>0</v>
      </c>
      <c r="L60" s="134">
        <v>0</v>
      </c>
      <c r="M60" s="134">
        <v>0</v>
      </c>
      <c r="N60" s="134">
        <v>0</v>
      </c>
      <c r="O60" s="134">
        <v>0</v>
      </c>
      <c r="P60" s="134">
        <v>0</v>
      </c>
      <c r="Q60" s="134">
        <v>0</v>
      </c>
      <c r="R60" s="130">
        <v>0</v>
      </c>
      <c r="S60" s="131"/>
      <c r="T60" s="129">
        <v>0</v>
      </c>
      <c r="U60" s="134">
        <v>2</v>
      </c>
      <c r="V60" s="134">
        <v>0</v>
      </c>
      <c r="W60" s="134">
        <v>0</v>
      </c>
      <c r="X60" s="134">
        <v>0</v>
      </c>
      <c r="Y60" s="134">
        <v>0</v>
      </c>
      <c r="Z60" s="134">
        <v>0</v>
      </c>
      <c r="AA60" s="134">
        <v>0</v>
      </c>
      <c r="AB60" s="135">
        <v>0</v>
      </c>
      <c r="AC60" s="129">
        <v>4</v>
      </c>
      <c r="AD60" s="134">
        <v>0</v>
      </c>
      <c r="AE60" s="134">
        <v>0</v>
      </c>
      <c r="AF60" s="134">
        <v>0</v>
      </c>
      <c r="AG60" s="134">
        <v>0</v>
      </c>
      <c r="AH60" s="134">
        <v>0</v>
      </c>
      <c r="AI60" s="134">
        <v>0</v>
      </c>
      <c r="AJ60" s="134">
        <v>0</v>
      </c>
      <c r="AK60" s="134">
        <v>0</v>
      </c>
      <c r="AL60" s="134">
        <v>0</v>
      </c>
      <c r="AM60" s="134">
        <v>0</v>
      </c>
      <c r="AN60" s="134">
        <v>0</v>
      </c>
      <c r="AO60" s="134">
        <v>0</v>
      </c>
      <c r="AP60" s="134">
        <v>0</v>
      </c>
      <c r="AQ60" s="131"/>
      <c r="AR60" s="133">
        <v>0</v>
      </c>
      <c r="AS60" s="134">
        <v>0</v>
      </c>
      <c r="AT60" s="134">
        <v>0</v>
      </c>
      <c r="AU60" s="134">
        <v>0</v>
      </c>
      <c r="AV60" s="134">
        <v>0</v>
      </c>
      <c r="AW60" s="134">
        <v>0</v>
      </c>
      <c r="AX60" s="134">
        <v>0</v>
      </c>
      <c r="AY60" s="134">
        <v>0</v>
      </c>
      <c r="AZ60" s="134">
        <v>0</v>
      </c>
      <c r="BA60" s="134">
        <v>0</v>
      </c>
      <c r="BB60" s="134">
        <v>0</v>
      </c>
      <c r="BC60" s="134">
        <v>0</v>
      </c>
      <c r="BD60" s="134">
        <v>0</v>
      </c>
      <c r="BE60" s="134">
        <v>0</v>
      </c>
      <c r="BF60" s="134">
        <v>0</v>
      </c>
      <c r="BG60" s="129">
        <v>423029</v>
      </c>
      <c r="BH60" s="130">
        <v>0</v>
      </c>
    </row>
    <row r="61" spans="1:60" ht="16.5" customHeight="1" x14ac:dyDescent="0.2">
      <c r="A61" s="136" t="s">
        <v>100</v>
      </c>
      <c r="B61" s="137">
        <f t="shared" si="11"/>
        <v>2</v>
      </c>
      <c r="C61" s="124">
        <v>0</v>
      </c>
      <c r="D61" s="125">
        <v>0</v>
      </c>
      <c r="E61" s="125">
        <v>0</v>
      </c>
      <c r="F61" s="125">
        <v>0</v>
      </c>
      <c r="G61" s="125">
        <v>0</v>
      </c>
      <c r="H61" s="125">
        <v>0</v>
      </c>
      <c r="I61" s="125">
        <v>0</v>
      </c>
      <c r="J61" s="125">
        <v>0</v>
      </c>
      <c r="K61" s="125">
        <v>0</v>
      </c>
      <c r="L61" s="125">
        <v>0</v>
      </c>
      <c r="M61" s="125">
        <v>0</v>
      </c>
      <c r="N61" s="125">
        <v>1</v>
      </c>
      <c r="O61" s="125">
        <v>0</v>
      </c>
      <c r="P61" s="125">
        <v>0</v>
      </c>
      <c r="Q61" s="125">
        <v>0</v>
      </c>
      <c r="R61" s="126">
        <v>0</v>
      </c>
      <c r="S61" s="136" t="s">
        <v>100</v>
      </c>
      <c r="T61" s="127">
        <v>0</v>
      </c>
      <c r="U61" s="125">
        <v>1</v>
      </c>
      <c r="V61" s="125">
        <v>0</v>
      </c>
      <c r="W61" s="125">
        <v>0</v>
      </c>
      <c r="X61" s="125">
        <v>0</v>
      </c>
      <c r="Y61" s="125">
        <v>0</v>
      </c>
      <c r="Z61" s="125">
        <v>0</v>
      </c>
      <c r="AA61" s="125">
        <v>0</v>
      </c>
      <c r="AB61" s="128">
        <v>0</v>
      </c>
      <c r="AC61" s="127">
        <v>0</v>
      </c>
      <c r="AD61" s="125">
        <v>0</v>
      </c>
      <c r="AE61" s="125">
        <v>0</v>
      </c>
      <c r="AF61" s="125">
        <v>0</v>
      </c>
      <c r="AG61" s="125">
        <v>0</v>
      </c>
      <c r="AH61" s="125">
        <v>0</v>
      </c>
      <c r="AI61" s="125">
        <v>0</v>
      </c>
      <c r="AJ61" s="125">
        <v>0</v>
      </c>
      <c r="AK61" s="125">
        <v>0</v>
      </c>
      <c r="AL61" s="125">
        <v>0</v>
      </c>
      <c r="AM61" s="125">
        <v>0</v>
      </c>
      <c r="AN61" s="125">
        <v>0</v>
      </c>
      <c r="AO61" s="125">
        <v>0</v>
      </c>
      <c r="AP61" s="126">
        <v>0</v>
      </c>
      <c r="AQ61" s="136" t="s">
        <v>100</v>
      </c>
      <c r="AR61" s="124">
        <v>0</v>
      </c>
      <c r="AS61" s="125">
        <v>0</v>
      </c>
      <c r="AT61" s="125">
        <v>0</v>
      </c>
      <c r="AU61" s="125">
        <v>0</v>
      </c>
      <c r="AV61" s="125">
        <v>0</v>
      </c>
      <c r="AW61" s="125">
        <v>0</v>
      </c>
      <c r="AX61" s="125">
        <v>0</v>
      </c>
      <c r="AY61" s="125">
        <v>0</v>
      </c>
      <c r="AZ61" s="125">
        <v>0</v>
      </c>
      <c r="BA61" s="125">
        <v>0</v>
      </c>
      <c r="BB61" s="125">
        <v>0</v>
      </c>
      <c r="BC61" s="125">
        <v>0</v>
      </c>
      <c r="BD61" s="125">
        <v>0</v>
      </c>
      <c r="BE61" s="125">
        <v>0</v>
      </c>
      <c r="BF61" s="125">
        <v>0</v>
      </c>
      <c r="BG61" s="127">
        <v>145524</v>
      </c>
      <c r="BH61" s="126">
        <v>0</v>
      </c>
    </row>
    <row r="62" spans="1:60" ht="16.5" customHeight="1" x14ac:dyDescent="0.2">
      <c r="A62" s="131"/>
      <c r="B62" s="132">
        <f t="shared" si="11"/>
        <v>3</v>
      </c>
      <c r="C62" s="133">
        <v>0</v>
      </c>
      <c r="D62" s="134">
        <v>0</v>
      </c>
      <c r="E62" s="134">
        <v>1</v>
      </c>
      <c r="F62" s="134">
        <v>0</v>
      </c>
      <c r="G62" s="134">
        <v>0</v>
      </c>
      <c r="H62" s="134">
        <v>0</v>
      </c>
      <c r="I62" s="134">
        <v>0</v>
      </c>
      <c r="J62" s="134">
        <v>0</v>
      </c>
      <c r="K62" s="134">
        <v>0</v>
      </c>
      <c r="L62" s="134">
        <v>0</v>
      </c>
      <c r="M62" s="134">
        <v>0</v>
      </c>
      <c r="N62" s="134">
        <v>0</v>
      </c>
      <c r="O62" s="134">
        <v>0</v>
      </c>
      <c r="P62" s="134">
        <v>0</v>
      </c>
      <c r="Q62" s="134">
        <v>0</v>
      </c>
      <c r="R62" s="134">
        <v>0</v>
      </c>
      <c r="S62" s="131"/>
      <c r="T62" s="129">
        <v>0</v>
      </c>
      <c r="U62" s="134">
        <v>0</v>
      </c>
      <c r="V62" s="134">
        <v>0</v>
      </c>
      <c r="W62" s="134">
        <v>0</v>
      </c>
      <c r="X62" s="134">
        <v>0</v>
      </c>
      <c r="Y62" s="134">
        <v>0</v>
      </c>
      <c r="Z62" s="134">
        <v>0</v>
      </c>
      <c r="AA62" s="134">
        <v>0</v>
      </c>
      <c r="AB62" s="135">
        <v>0</v>
      </c>
      <c r="AC62" s="129">
        <v>2</v>
      </c>
      <c r="AD62" s="134">
        <v>0</v>
      </c>
      <c r="AE62" s="134">
        <v>0</v>
      </c>
      <c r="AF62" s="134">
        <v>0</v>
      </c>
      <c r="AG62" s="134">
        <v>0</v>
      </c>
      <c r="AH62" s="134">
        <v>0</v>
      </c>
      <c r="AI62" s="134">
        <v>0</v>
      </c>
      <c r="AJ62" s="134">
        <v>0</v>
      </c>
      <c r="AK62" s="134">
        <v>0</v>
      </c>
      <c r="AL62" s="134">
        <v>0</v>
      </c>
      <c r="AM62" s="134">
        <v>0</v>
      </c>
      <c r="AN62" s="134">
        <v>0</v>
      </c>
      <c r="AO62" s="134">
        <v>0</v>
      </c>
      <c r="AP62" s="130">
        <v>0</v>
      </c>
      <c r="AQ62" s="131"/>
      <c r="AR62" s="133">
        <v>0</v>
      </c>
      <c r="AS62" s="134">
        <v>0</v>
      </c>
      <c r="AT62" s="134">
        <v>0</v>
      </c>
      <c r="AU62" s="134">
        <v>0</v>
      </c>
      <c r="AV62" s="134">
        <v>0</v>
      </c>
      <c r="AW62" s="134">
        <v>0</v>
      </c>
      <c r="AX62" s="134">
        <v>0</v>
      </c>
      <c r="AY62" s="134">
        <v>0</v>
      </c>
      <c r="AZ62" s="134">
        <v>0</v>
      </c>
      <c r="BA62" s="134">
        <v>0</v>
      </c>
      <c r="BB62" s="134">
        <v>0</v>
      </c>
      <c r="BC62" s="134">
        <v>0</v>
      </c>
      <c r="BD62" s="134">
        <v>0</v>
      </c>
      <c r="BE62" s="134">
        <v>0</v>
      </c>
      <c r="BF62" s="134">
        <v>0</v>
      </c>
      <c r="BG62" s="129">
        <v>97778</v>
      </c>
      <c r="BH62" s="130">
        <v>3600</v>
      </c>
    </row>
    <row r="63" spans="1:60" ht="16.5" customHeight="1" x14ac:dyDescent="0.2">
      <c r="A63" s="136" t="s">
        <v>101</v>
      </c>
      <c r="B63" s="137">
        <f t="shared" si="11"/>
        <v>24</v>
      </c>
      <c r="C63" s="124">
        <v>0</v>
      </c>
      <c r="D63" s="125">
        <v>2</v>
      </c>
      <c r="E63" s="125">
        <v>5</v>
      </c>
      <c r="F63" s="125">
        <v>1</v>
      </c>
      <c r="G63" s="125">
        <v>0</v>
      </c>
      <c r="H63" s="125">
        <v>0</v>
      </c>
      <c r="I63" s="125">
        <v>0</v>
      </c>
      <c r="J63" s="125">
        <v>0</v>
      </c>
      <c r="K63" s="125">
        <v>0</v>
      </c>
      <c r="L63" s="125">
        <v>3</v>
      </c>
      <c r="M63" s="125">
        <v>0</v>
      </c>
      <c r="N63" s="125">
        <v>0</v>
      </c>
      <c r="O63" s="125">
        <v>0</v>
      </c>
      <c r="P63" s="125">
        <v>1</v>
      </c>
      <c r="Q63" s="125">
        <v>0</v>
      </c>
      <c r="R63" s="126">
        <v>0</v>
      </c>
      <c r="S63" s="136" t="s">
        <v>101</v>
      </c>
      <c r="T63" s="127">
        <v>0</v>
      </c>
      <c r="U63" s="125">
        <v>6</v>
      </c>
      <c r="V63" s="125">
        <v>0</v>
      </c>
      <c r="W63" s="125">
        <v>3</v>
      </c>
      <c r="X63" s="125">
        <v>0</v>
      </c>
      <c r="Y63" s="125">
        <v>0</v>
      </c>
      <c r="Z63" s="125">
        <v>0</v>
      </c>
      <c r="AA63" s="125">
        <v>0</v>
      </c>
      <c r="AB63" s="128">
        <v>0</v>
      </c>
      <c r="AC63" s="127">
        <v>2</v>
      </c>
      <c r="AD63" s="125">
        <v>0</v>
      </c>
      <c r="AE63" s="125">
        <v>0</v>
      </c>
      <c r="AF63" s="125">
        <v>0</v>
      </c>
      <c r="AG63" s="125">
        <v>0</v>
      </c>
      <c r="AH63" s="125">
        <v>0</v>
      </c>
      <c r="AI63" s="125">
        <v>0</v>
      </c>
      <c r="AJ63" s="125">
        <v>0</v>
      </c>
      <c r="AK63" s="125">
        <v>0</v>
      </c>
      <c r="AL63" s="125">
        <v>0</v>
      </c>
      <c r="AM63" s="125">
        <v>0</v>
      </c>
      <c r="AN63" s="125">
        <v>0</v>
      </c>
      <c r="AO63" s="125">
        <v>0</v>
      </c>
      <c r="AP63" s="126">
        <v>0</v>
      </c>
      <c r="AQ63" s="136" t="s">
        <v>101</v>
      </c>
      <c r="AR63" s="124">
        <v>0</v>
      </c>
      <c r="AS63" s="125">
        <v>0</v>
      </c>
      <c r="AT63" s="125">
        <v>0</v>
      </c>
      <c r="AU63" s="125">
        <v>0</v>
      </c>
      <c r="AV63" s="125">
        <v>0</v>
      </c>
      <c r="AW63" s="125">
        <v>0</v>
      </c>
      <c r="AX63" s="125">
        <v>0</v>
      </c>
      <c r="AY63" s="125">
        <v>0</v>
      </c>
      <c r="AZ63" s="125">
        <v>0</v>
      </c>
      <c r="BA63" s="125">
        <v>0</v>
      </c>
      <c r="BB63" s="125">
        <v>0</v>
      </c>
      <c r="BC63" s="125">
        <v>0</v>
      </c>
      <c r="BD63" s="125">
        <v>0</v>
      </c>
      <c r="BE63" s="125">
        <v>0</v>
      </c>
      <c r="BF63" s="125">
        <v>1</v>
      </c>
      <c r="BG63" s="127">
        <v>2879570</v>
      </c>
      <c r="BH63" s="126">
        <v>90872</v>
      </c>
    </row>
    <row r="64" spans="1:60" ht="16.5" customHeight="1" x14ac:dyDescent="0.2">
      <c r="A64" s="131"/>
      <c r="B64" s="132">
        <f t="shared" si="11"/>
        <v>19</v>
      </c>
      <c r="C64" s="133">
        <v>0</v>
      </c>
      <c r="D64" s="134">
        <v>0</v>
      </c>
      <c r="E64" s="134">
        <v>2</v>
      </c>
      <c r="F64" s="134">
        <v>1</v>
      </c>
      <c r="G64" s="134">
        <v>0</v>
      </c>
      <c r="H64" s="134">
        <v>0</v>
      </c>
      <c r="I64" s="134">
        <v>2</v>
      </c>
      <c r="J64" s="134">
        <v>0</v>
      </c>
      <c r="K64" s="134">
        <v>0</v>
      </c>
      <c r="L64" s="134">
        <v>0</v>
      </c>
      <c r="M64" s="134">
        <v>0</v>
      </c>
      <c r="N64" s="134">
        <v>0</v>
      </c>
      <c r="O64" s="134">
        <v>0</v>
      </c>
      <c r="P64" s="134">
        <v>0</v>
      </c>
      <c r="Q64" s="134">
        <v>0</v>
      </c>
      <c r="R64" s="130">
        <v>0</v>
      </c>
      <c r="S64" s="131"/>
      <c r="T64" s="129">
        <v>0</v>
      </c>
      <c r="U64" s="134">
        <v>5</v>
      </c>
      <c r="V64" s="134">
        <v>0</v>
      </c>
      <c r="W64" s="134">
        <v>2</v>
      </c>
      <c r="X64" s="134">
        <v>0</v>
      </c>
      <c r="Y64" s="134">
        <v>0</v>
      </c>
      <c r="Z64" s="134">
        <v>0</v>
      </c>
      <c r="AA64" s="134">
        <v>0</v>
      </c>
      <c r="AB64" s="135">
        <v>0</v>
      </c>
      <c r="AC64" s="129">
        <v>5</v>
      </c>
      <c r="AD64" s="134">
        <v>0</v>
      </c>
      <c r="AE64" s="134">
        <v>1</v>
      </c>
      <c r="AF64" s="134">
        <v>0</v>
      </c>
      <c r="AG64" s="134">
        <v>0</v>
      </c>
      <c r="AH64" s="134">
        <v>0</v>
      </c>
      <c r="AI64" s="134">
        <v>0</v>
      </c>
      <c r="AJ64" s="134">
        <v>0</v>
      </c>
      <c r="AK64" s="134">
        <v>0</v>
      </c>
      <c r="AL64" s="134">
        <v>0</v>
      </c>
      <c r="AM64" s="134">
        <v>0</v>
      </c>
      <c r="AN64" s="134">
        <v>0</v>
      </c>
      <c r="AO64" s="134">
        <v>1</v>
      </c>
      <c r="AP64" s="130">
        <v>0</v>
      </c>
      <c r="AQ64" s="131"/>
      <c r="AR64" s="133">
        <v>0</v>
      </c>
      <c r="AS64" s="134">
        <v>0</v>
      </c>
      <c r="AT64" s="134">
        <v>0</v>
      </c>
      <c r="AU64" s="134">
        <v>0</v>
      </c>
      <c r="AV64" s="134">
        <v>0</v>
      </c>
      <c r="AW64" s="134">
        <v>0</v>
      </c>
      <c r="AX64" s="134">
        <v>0</v>
      </c>
      <c r="AY64" s="134">
        <v>0</v>
      </c>
      <c r="AZ64" s="134">
        <v>0</v>
      </c>
      <c r="BA64" s="134">
        <v>0</v>
      </c>
      <c r="BB64" s="134">
        <v>0</v>
      </c>
      <c r="BC64" s="134">
        <v>0</v>
      </c>
      <c r="BD64" s="134">
        <v>0</v>
      </c>
      <c r="BE64" s="134">
        <v>0</v>
      </c>
      <c r="BF64" s="134">
        <v>0</v>
      </c>
      <c r="BG64" s="129">
        <v>753574</v>
      </c>
      <c r="BH64" s="130">
        <v>50334</v>
      </c>
    </row>
    <row r="65" spans="1:60" ht="16.5" customHeight="1" x14ac:dyDescent="0.2">
      <c r="A65" s="136" t="s">
        <v>102</v>
      </c>
      <c r="B65" s="137">
        <f t="shared" si="11"/>
        <v>37</v>
      </c>
      <c r="C65" s="124">
        <v>0</v>
      </c>
      <c r="D65" s="125">
        <v>0</v>
      </c>
      <c r="E65" s="125">
        <v>17</v>
      </c>
      <c r="F65" s="125">
        <v>0</v>
      </c>
      <c r="G65" s="125">
        <v>0</v>
      </c>
      <c r="H65" s="125">
        <v>0</v>
      </c>
      <c r="I65" s="125">
        <v>0</v>
      </c>
      <c r="J65" s="125">
        <v>0</v>
      </c>
      <c r="K65" s="125">
        <v>1</v>
      </c>
      <c r="L65" s="125">
        <v>2</v>
      </c>
      <c r="M65" s="125">
        <v>0</v>
      </c>
      <c r="N65" s="125">
        <v>0</v>
      </c>
      <c r="O65" s="125">
        <v>0</v>
      </c>
      <c r="P65" s="125">
        <v>0</v>
      </c>
      <c r="Q65" s="125">
        <v>0</v>
      </c>
      <c r="R65" s="126">
        <v>0</v>
      </c>
      <c r="S65" s="136" t="s">
        <v>102</v>
      </c>
      <c r="T65" s="127">
        <v>0</v>
      </c>
      <c r="U65" s="125">
        <v>2</v>
      </c>
      <c r="V65" s="125">
        <v>0</v>
      </c>
      <c r="W65" s="125">
        <v>3</v>
      </c>
      <c r="X65" s="125">
        <v>0</v>
      </c>
      <c r="Y65" s="125">
        <v>0</v>
      </c>
      <c r="Z65" s="125">
        <v>0</v>
      </c>
      <c r="AA65" s="125">
        <v>0</v>
      </c>
      <c r="AB65" s="128">
        <v>0</v>
      </c>
      <c r="AC65" s="127">
        <v>6</v>
      </c>
      <c r="AD65" s="125">
        <v>0</v>
      </c>
      <c r="AE65" s="125">
        <v>0</v>
      </c>
      <c r="AF65" s="125">
        <v>0</v>
      </c>
      <c r="AG65" s="125">
        <v>0</v>
      </c>
      <c r="AH65" s="125">
        <v>0</v>
      </c>
      <c r="AI65" s="125">
        <v>0</v>
      </c>
      <c r="AJ65" s="125">
        <v>0</v>
      </c>
      <c r="AK65" s="125">
        <v>0</v>
      </c>
      <c r="AL65" s="125">
        <v>0</v>
      </c>
      <c r="AM65" s="125">
        <v>2</v>
      </c>
      <c r="AN65" s="125">
        <v>0</v>
      </c>
      <c r="AO65" s="125">
        <v>0</v>
      </c>
      <c r="AP65" s="126">
        <v>0</v>
      </c>
      <c r="AQ65" s="136" t="s">
        <v>102</v>
      </c>
      <c r="AR65" s="124">
        <v>0</v>
      </c>
      <c r="AS65" s="125">
        <v>0</v>
      </c>
      <c r="AT65" s="125">
        <v>1</v>
      </c>
      <c r="AU65" s="125">
        <v>0</v>
      </c>
      <c r="AV65" s="125">
        <v>0</v>
      </c>
      <c r="AW65" s="125">
        <v>0</v>
      </c>
      <c r="AX65" s="125">
        <v>0</v>
      </c>
      <c r="AY65" s="125">
        <v>0</v>
      </c>
      <c r="AZ65" s="125">
        <v>1</v>
      </c>
      <c r="BA65" s="125">
        <v>0</v>
      </c>
      <c r="BB65" s="125">
        <v>0</v>
      </c>
      <c r="BC65" s="125">
        <v>0</v>
      </c>
      <c r="BD65" s="125">
        <v>0</v>
      </c>
      <c r="BE65" s="125">
        <v>1</v>
      </c>
      <c r="BF65" s="125">
        <v>1</v>
      </c>
      <c r="BG65" s="127">
        <v>5750675</v>
      </c>
      <c r="BH65" s="126">
        <v>183863</v>
      </c>
    </row>
    <row r="66" spans="1:60" ht="16.5" customHeight="1" x14ac:dyDescent="0.2">
      <c r="A66" s="131"/>
      <c r="B66" s="132">
        <f t="shared" si="11"/>
        <v>39</v>
      </c>
      <c r="C66" s="133">
        <v>1</v>
      </c>
      <c r="D66" s="134">
        <v>2</v>
      </c>
      <c r="E66" s="134">
        <v>10</v>
      </c>
      <c r="F66" s="134">
        <v>3</v>
      </c>
      <c r="G66" s="134">
        <v>0</v>
      </c>
      <c r="H66" s="134">
        <v>0</v>
      </c>
      <c r="I66" s="134">
        <v>0</v>
      </c>
      <c r="J66" s="134">
        <v>0</v>
      </c>
      <c r="K66" s="134">
        <v>0</v>
      </c>
      <c r="L66" s="134">
        <v>0</v>
      </c>
      <c r="M66" s="134">
        <v>0</v>
      </c>
      <c r="N66" s="134">
        <v>0</v>
      </c>
      <c r="O66" s="134">
        <v>0</v>
      </c>
      <c r="P66" s="134">
        <v>0</v>
      </c>
      <c r="Q66" s="134">
        <v>0</v>
      </c>
      <c r="R66" s="130">
        <v>0</v>
      </c>
      <c r="S66" s="131"/>
      <c r="T66" s="129">
        <v>0</v>
      </c>
      <c r="U66" s="134">
        <v>4</v>
      </c>
      <c r="V66" s="134">
        <v>0</v>
      </c>
      <c r="W66" s="134">
        <v>4</v>
      </c>
      <c r="X66" s="134">
        <v>0</v>
      </c>
      <c r="Y66" s="134">
        <v>0</v>
      </c>
      <c r="Z66" s="134">
        <v>0</v>
      </c>
      <c r="AA66" s="134">
        <v>0</v>
      </c>
      <c r="AB66" s="135">
        <v>0</v>
      </c>
      <c r="AC66" s="129">
        <v>7</v>
      </c>
      <c r="AD66" s="134">
        <v>0</v>
      </c>
      <c r="AE66" s="134">
        <v>0</v>
      </c>
      <c r="AF66" s="134">
        <v>0</v>
      </c>
      <c r="AG66" s="134">
        <v>0</v>
      </c>
      <c r="AH66" s="134">
        <v>0</v>
      </c>
      <c r="AI66" s="134">
        <v>0</v>
      </c>
      <c r="AJ66" s="134">
        <v>0</v>
      </c>
      <c r="AK66" s="134">
        <v>0</v>
      </c>
      <c r="AL66" s="134">
        <v>0</v>
      </c>
      <c r="AM66" s="134">
        <v>3</v>
      </c>
      <c r="AN66" s="134">
        <v>0</v>
      </c>
      <c r="AO66" s="134">
        <v>0</v>
      </c>
      <c r="AP66" s="130">
        <v>3</v>
      </c>
      <c r="AQ66" s="131"/>
      <c r="AR66" s="133">
        <v>0</v>
      </c>
      <c r="AS66" s="134">
        <v>2</v>
      </c>
      <c r="AT66" s="134">
        <v>0</v>
      </c>
      <c r="AU66" s="134">
        <v>0</v>
      </c>
      <c r="AV66" s="134">
        <v>0</v>
      </c>
      <c r="AW66" s="134">
        <v>0</v>
      </c>
      <c r="AX66" s="134">
        <v>0</v>
      </c>
      <c r="AY66" s="134">
        <v>0</v>
      </c>
      <c r="AZ66" s="134">
        <v>0</v>
      </c>
      <c r="BA66" s="134">
        <v>0</v>
      </c>
      <c r="BB66" s="134">
        <v>0</v>
      </c>
      <c r="BC66" s="134">
        <v>0</v>
      </c>
      <c r="BD66" s="134">
        <v>0</v>
      </c>
      <c r="BE66" s="134">
        <v>0</v>
      </c>
      <c r="BF66" s="134">
        <v>0</v>
      </c>
      <c r="BG66" s="129">
        <v>1559723</v>
      </c>
      <c r="BH66" s="130">
        <v>42614</v>
      </c>
    </row>
    <row r="67" spans="1:60" ht="16.5" customHeight="1" x14ac:dyDescent="0.2">
      <c r="A67" s="136" t="s">
        <v>103</v>
      </c>
      <c r="B67" s="137">
        <f t="shared" si="11"/>
        <v>3</v>
      </c>
      <c r="C67" s="124">
        <v>0</v>
      </c>
      <c r="D67" s="125">
        <v>0</v>
      </c>
      <c r="E67" s="125">
        <v>0</v>
      </c>
      <c r="F67" s="125">
        <v>0</v>
      </c>
      <c r="G67" s="125">
        <v>0</v>
      </c>
      <c r="H67" s="125">
        <v>0</v>
      </c>
      <c r="I67" s="125">
        <v>0</v>
      </c>
      <c r="J67" s="125">
        <v>0</v>
      </c>
      <c r="K67" s="125">
        <v>0</v>
      </c>
      <c r="L67" s="125">
        <v>0</v>
      </c>
      <c r="M67" s="125">
        <v>0</v>
      </c>
      <c r="N67" s="125">
        <v>0</v>
      </c>
      <c r="O67" s="125">
        <v>0</v>
      </c>
      <c r="P67" s="125">
        <v>0</v>
      </c>
      <c r="Q67" s="125">
        <v>0</v>
      </c>
      <c r="R67" s="125">
        <v>0</v>
      </c>
      <c r="S67" s="136" t="s">
        <v>103</v>
      </c>
      <c r="T67" s="127">
        <v>0</v>
      </c>
      <c r="U67" s="125">
        <v>2</v>
      </c>
      <c r="V67" s="125">
        <v>0</v>
      </c>
      <c r="W67" s="125">
        <v>1</v>
      </c>
      <c r="X67" s="125">
        <v>0</v>
      </c>
      <c r="Y67" s="125">
        <v>0</v>
      </c>
      <c r="Z67" s="125">
        <v>0</v>
      </c>
      <c r="AA67" s="125">
        <v>0</v>
      </c>
      <c r="AB67" s="128">
        <v>0</v>
      </c>
      <c r="AC67" s="127">
        <v>0</v>
      </c>
      <c r="AD67" s="125">
        <v>0</v>
      </c>
      <c r="AE67" s="125">
        <v>0</v>
      </c>
      <c r="AF67" s="125">
        <v>0</v>
      </c>
      <c r="AG67" s="125">
        <v>0</v>
      </c>
      <c r="AH67" s="125">
        <v>0</v>
      </c>
      <c r="AI67" s="125">
        <v>0</v>
      </c>
      <c r="AJ67" s="125">
        <v>0</v>
      </c>
      <c r="AK67" s="125">
        <v>0</v>
      </c>
      <c r="AL67" s="125">
        <v>0</v>
      </c>
      <c r="AM67" s="125">
        <v>0</v>
      </c>
      <c r="AN67" s="125">
        <v>0</v>
      </c>
      <c r="AO67" s="125">
        <v>0</v>
      </c>
      <c r="AP67" s="125">
        <v>0</v>
      </c>
      <c r="AQ67" s="136" t="s">
        <v>103</v>
      </c>
      <c r="AR67" s="124">
        <v>0</v>
      </c>
      <c r="AS67" s="125">
        <v>0</v>
      </c>
      <c r="AT67" s="125">
        <v>0</v>
      </c>
      <c r="AU67" s="125">
        <v>0</v>
      </c>
      <c r="AV67" s="125">
        <v>0</v>
      </c>
      <c r="AW67" s="125">
        <v>0</v>
      </c>
      <c r="AX67" s="125">
        <v>0</v>
      </c>
      <c r="AY67" s="125">
        <v>0</v>
      </c>
      <c r="AZ67" s="125">
        <v>0</v>
      </c>
      <c r="BA67" s="125">
        <v>0</v>
      </c>
      <c r="BB67" s="125">
        <v>0</v>
      </c>
      <c r="BC67" s="125">
        <v>0</v>
      </c>
      <c r="BD67" s="125">
        <v>0</v>
      </c>
      <c r="BE67" s="125">
        <v>0</v>
      </c>
      <c r="BF67" s="125">
        <v>0</v>
      </c>
      <c r="BG67" s="127">
        <v>174345</v>
      </c>
      <c r="BH67" s="126">
        <v>13141</v>
      </c>
    </row>
    <row r="68" spans="1:60" ht="16.5" customHeight="1" thickBot="1" x14ac:dyDescent="0.25">
      <c r="A68" s="138"/>
      <c r="B68" s="139">
        <f t="shared" si="11"/>
        <v>1</v>
      </c>
      <c r="C68" s="140">
        <v>0</v>
      </c>
      <c r="D68" s="141">
        <v>0</v>
      </c>
      <c r="E68" s="141">
        <v>0</v>
      </c>
      <c r="F68" s="141">
        <v>0</v>
      </c>
      <c r="G68" s="141">
        <v>0</v>
      </c>
      <c r="H68" s="141">
        <v>0</v>
      </c>
      <c r="I68" s="141">
        <v>0</v>
      </c>
      <c r="J68" s="141">
        <v>0</v>
      </c>
      <c r="K68" s="141">
        <v>0</v>
      </c>
      <c r="L68" s="141">
        <v>0</v>
      </c>
      <c r="M68" s="141">
        <v>0</v>
      </c>
      <c r="N68" s="141">
        <v>0</v>
      </c>
      <c r="O68" s="141">
        <v>0</v>
      </c>
      <c r="P68" s="141">
        <v>0</v>
      </c>
      <c r="Q68" s="141">
        <v>0</v>
      </c>
      <c r="R68" s="141">
        <v>0</v>
      </c>
      <c r="S68" s="138"/>
      <c r="T68" s="154">
        <v>0</v>
      </c>
      <c r="U68" s="141">
        <v>0</v>
      </c>
      <c r="V68" s="141">
        <v>0</v>
      </c>
      <c r="W68" s="141">
        <v>0</v>
      </c>
      <c r="X68" s="141">
        <v>0</v>
      </c>
      <c r="Y68" s="141">
        <v>0</v>
      </c>
      <c r="Z68" s="141">
        <v>0</v>
      </c>
      <c r="AA68" s="141">
        <v>0</v>
      </c>
      <c r="AB68" s="155">
        <v>0</v>
      </c>
      <c r="AC68" s="154">
        <v>1</v>
      </c>
      <c r="AD68" s="141">
        <v>0</v>
      </c>
      <c r="AE68" s="141">
        <v>0</v>
      </c>
      <c r="AF68" s="141">
        <v>0</v>
      </c>
      <c r="AG68" s="141">
        <v>0</v>
      </c>
      <c r="AH68" s="141">
        <v>0</v>
      </c>
      <c r="AI68" s="141">
        <v>0</v>
      </c>
      <c r="AJ68" s="141">
        <v>0</v>
      </c>
      <c r="AK68" s="141">
        <v>0</v>
      </c>
      <c r="AL68" s="141">
        <v>0</v>
      </c>
      <c r="AM68" s="141">
        <v>0</v>
      </c>
      <c r="AN68" s="141">
        <v>0</v>
      </c>
      <c r="AO68" s="141">
        <v>0</v>
      </c>
      <c r="AP68" s="141">
        <v>0</v>
      </c>
      <c r="AQ68" s="138"/>
      <c r="AR68" s="140">
        <v>0</v>
      </c>
      <c r="AS68" s="141">
        <v>0</v>
      </c>
      <c r="AT68" s="141">
        <v>0</v>
      </c>
      <c r="AU68" s="141">
        <v>0</v>
      </c>
      <c r="AV68" s="141">
        <v>0</v>
      </c>
      <c r="AW68" s="141">
        <v>0</v>
      </c>
      <c r="AX68" s="141">
        <v>0</v>
      </c>
      <c r="AY68" s="141">
        <v>0</v>
      </c>
      <c r="AZ68" s="141">
        <v>0</v>
      </c>
      <c r="BA68" s="141">
        <v>0</v>
      </c>
      <c r="BB68" s="141">
        <v>0</v>
      </c>
      <c r="BC68" s="141">
        <v>0</v>
      </c>
      <c r="BD68" s="141">
        <v>0</v>
      </c>
      <c r="BE68" s="141">
        <v>0</v>
      </c>
      <c r="BF68" s="141">
        <v>0</v>
      </c>
      <c r="BG68" s="154">
        <v>61246</v>
      </c>
      <c r="BH68" s="142">
        <v>0</v>
      </c>
    </row>
    <row r="69" spans="1:60" ht="16.5" customHeight="1" x14ac:dyDescent="0.2">
      <c r="A69" s="156" t="s">
        <v>104</v>
      </c>
      <c r="B69" s="156"/>
      <c r="C69" s="157" t="s">
        <v>105</v>
      </c>
      <c r="J69" s="158"/>
      <c r="K69" s="158"/>
      <c r="L69" s="158"/>
      <c r="M69" s="158"/>
      <c r="N69" s="158"/>
      <c r="O69" s="158"/>
      <c r="P69" s="158"/>
      <c r="Q69" s="158"/>
      <c r="R69" s="158"/>
      <c r="S69" s="156" t="s">
        <v>104</v>
      </c>
      <c r="T69" s="156"/>
      <c r="U69" s="157" t="s">
        <v>105</v>
      </c>
      <c r="Z69" s="158"/>
      <c r="AA69" s="158"/>
      <c r="AB69" s="158"/>
      <c r="AC69" s="158"/>
      <c r="AD69" s="158"/>
      <c r="AE69" s="158"/>
      <c r="AF69" s="158"/>
      <c r="AG69" s="158"/>
      <c r="AH69" s="158"/>
      <c r="AI69" s="158"/>
      <c r="AJ69" s="158"/>
      <c r="AK69" s="158"/>
      <c r="AL69" s="158"/>
      <c r="AM69" s="158"/>
      <c r="AN69" s="158"/>
      <c r="AO69" s="158"/>
      <c r="AP69" s="158"/>
      <c r="AQ69" s="156" t="s">
        <v>104</v>
      </c>
      <c r="AR69" s="156"/>
      <c r="AS69" s="157" t="s">
        <v>105</v>
      </c>
      <c r="AX69" s="158"/>
      <c r="AY69" s="158"/>
      <c r="AZ69" s="158"/>
      <c r="BA69" s="158"/>
      <c r="BB69" s="158"/>
      <c r="BC69" s="158"/>
      <c r="BD69" s="158"/>
      <c r="BE69" s="158"/>
      <c r="BF69" s="158"/>
      <c r="BG69" s="158"/>
      <c r="BH69" s="158"/>
    </row>
    <row r="70" spans="1:60" x14ac:dyDescent="0.2">
      <c r="A70" s="159" t="s">
        <v>106</v>
      </c>
      <c r="B70" s="159"/>
      <c r="C70" s="159"/>
      <c r="D70" s="159"/>
      <c r="E70" s="159"/>
      <c r="F70" s="159"/>
      <c r="G70" s="159"/>
      <c r="H70" s="158"/>
      <c r="I70" s="158"/>
      <c r="J70" s="158"/>
      <c r="K70" s="158"/>
      <c r="L70" s="158"/>
      <c r="M70" s="158"/>
      <c r="N70" s="158"/>
      <c r="O70" s="158"/>
      <c r="P70" s="158"/>
      <c r="Q70" s="158"/>
      <c r="R70" s="158"/>
      <c r="S70" s="159" t="s">
        <v>106</v>
      </c>
      <c r="T70" s="159"/>
      <c r="U70" s="159"/>
      <c r="V70" s="159"/>
      <c r="W70" s="159"/>
      <c r="X70" s="159"/>
      <c r="Y70" s="159"/>
      <c r="Z70" s="158"/>
      <c r="AA70" s="158"/>
      <c r="AB70" s="158"/>
      <c r="AC70" s="158"/>
      <c r="AD70" s="158"/>
      <c r="AE70" s="158"/>
      <c r="AF70" s="158"/>
      <c r="AG70" s="158"/>
      <c r="AH70" s="158"/>
      <c r="AI70" s="158"/>
      <c r="AJ70" s="158"/>
      <c r="AK70" s="158"/>
      <c r="AL70" s="158"/>
      <c r="AM70" s="158"/>
      <c r="AN70" s="158"/>
      <c r="AO70" s="158"/>
      <c r="AP70" s="158"/>
      <c r="AQ70" s="159" t="s">
        <v>107</v>
      </c>
      <c r="AR70" s="159"/>
      <c r="AS70" s="159"/>
      <c r="AT70" s="159"/>
      <c r="AU70" s="159"/>
      <c r="AV70" s="159"/>
      <c r="AW70" s="159"/>
      <c r="AX70" s="158"/>
      <c r="AY70" s="158"/>
      <c r="AZ70" s="158"/>
      <c r="BA70" s="158"/>
      <c r="BB70" s="158"/>
      <c r="BC70" s="158"/>
      <c r="BD70" s="158"/>
      <c r="BE70" s="158"/>
      <c r="BF70" s="158"/>
      <c r="BG70" s="158"/>
      <c r="BH70" s="158"/>
    </row>
    <row r="71" spans="1:60" x14ac:dyDescent="0.2">
      <c r="A71" s="160"/>
      <c r="B71" s="158"/>
      <c r="C71" s="158"/>
      <c r="D71" s="158"/>
      <c r="E71" s="158"/>
      <c r="F71" s="158"/>
      <c r="G71" s="158"/>
      <c r="H71" s="158"/>
      <c r="I71" s="158"/>
      <c r="J71" s="158"/>
      <c r="K71" s="158"/>
      <c r="L71" s="158"/>
      <c r="M71" s="158"/>
      <c r="N71" s="158"/>
      <c r="O71" s="158"/>
      <c r="P71" s="158"/>
      <c r="Q71" s="158"/>
      <c r="R71" s="158"/>
      <c r="S71" s="160"/>
      <c r="T71" s="158"/>
      <c r="U71" s="158"/>
      <c r="V71" s="158"/>
      <c r="W71" s="158"/>
      <c r="X71" s="158"/>
      <c r="Y71" s="158"/>
      <c r="Z71" s="158"/>
      <c r="AA71" s="158"/>
      <c r="AB71" s="158"/>
      <c r="AC71" s="158"/>
      <c r="AD71" s="158"/>
      <c r="AE71" s="158"/>
      <c r="AF71" s="158"/>
      <c r="AG71" s="158"/>
      <c r="AH71" s="158"/>
      <c r="AI71" s="158"/>
      <c r="AJ71" s="158"/>
      <c r="AK71" s="158"/>
      <c r="AL71" s="158"/>
      <c r="AM71" s="158"/>
      <c r="AN71" s="158"/>
      <c r="AO71" s="158"/>
      <c r="AP71" s="158"/>
      <c r="AQ71" s="160"/>
      <c r="AR71" s="158"/>
      <c r="AS71" s="158"/>
      <c r="AT71" s="158"/>
      <c r="AU71" s="158"/>
      <c r="AV71" s="158"/>
      <c r="AW71" s="158"/>
      <c r="AX71" s="158"/>
      <c r="AY71" s="158"/>
      <c r="AZ71" s="158"/>
      <c r="BA71" s="158"/>
      <c r="BB71" s="158"/>
      <c r="BC71" s="158"/>
      <c r="BD71" s="158"/>
      <c r="BE71" s="158"/>
      <c r="BF71" s="158"/>
      <c r="BG71" s="158"/>
      <c r="BH71" s="158"/>
    </row>
    <row r="72" spans="1:60" x14ac:dyDescent="0.2">
      <c r="A72" s="160"/>
      <c r="B72" s="158"/>
      <c r="C72" s="158"/>
      <c r="D72" s="158"/>
      <c r="E72" s="158"/>
      <c r="F72" s="158"/>
      <c r="G72" s="158"/>
      <c r="H72" s="158"/>
      <c r="I72" s="158"/>
      <c r="J72" s="158"/>
      <c r="K72" s="158"/>
      <c r="L72" s="158"/>
      <c r="M72" s="158"/>
      <c r="N72" s="158"/>
      <c r="O72" s="158"/>
      <c r="P72" s="158"/>
      <c r="Q72" s="158"/>
      <c r="R72" s="158"/>
      <c r="S72" s="160"/>
      <c r="T72" s="158"/>
      <c r="U72" s="158"/>
      <c r="V72" s="158"/>
      <c r="W72" s="158"/>
      <c r="X72" s="158"/>
      <c r="Y72" s="158"/>
      <c r="Z72" s="158"/>
      <c r="AA72" s="158"/>
      <c r="AB72" s="158"/>
      <c r="AC72" s="158"/>
      <c r="AD72" s="158"/>
      <c r="AE72" s="158"/>
      <c r="AF72" s="158"/>
      <c r="AG72" s="158"/>
      <c r="AH72" s="158"/>
      <c r="AI72" s="158"/>
      <c r="AJ72" s="158"/>
      <c r="AK72" s="158"/>
      <c r="AL72" s="158"/>
      <c r="AM72" s="158"/>
      <c r="AN72" s="158"/>
      <c r="AO72" s="158"/>
      <c r="AP72" s="158"/>
      <c r="AQ72" s="160"/>
      <c r="AR72" s="158"/>
      <c r="AS72" s="158"/>
      <c r="AT72" s="158"/>
      <c r="AU72" s="158"/>
      <c r="AV72" s="158"/>
      <c r="AW72" s="158"/>
      <c r="AX72" s="158"/>
      <c r="AY72" s="158"/>
      <c r="AZ72" s="158"/>
      <c r="BA72" s="158"/>
      <c r="BB72" s="158"/>
      <c r="BC72" s="158"/>
      <c r="BD72" s="158"/>
      <c r="BE72" s="158"/>
      <c r="BF72" s="158"/>
      <c r="BG72" s="158"/>
      <c r="BH72" s="158"/>
    </row>
  </sheetData>
  <mergeCells count="171">
    <mergeCell ref="A69:B69"/>
    <mergeCell ref="S69:T69"/>
    <mergeCell ref="AQ69:AR69"/>
    <mergeCell ref="A70:G70"/>
    <mergeCell ref="S70:Y70"/>
    <mergeCell ref="AQ70:AW70"/>
    <mergeCell ref="A65:A66"/>
    <mergeCell ref="S65:S66"/>
    <mergeCell ref="AQ65:AQ66"/>
    <mergeCell ref="A67:A68"/>
    <mergeCell ref="S67:S68"/>
    <mergeCell ref="AQ67:AQ68"/>
    <mergeCell ref="A61:A62"/>
    <mergeCell ref="S61:S62"/>
    <mergeCell ref="AQ61:AQ62"/>
    <mergeCell ref="A63:A64"/>
    <mergeCell ref="S63:S64"/>
    <mergeCell ref="AQ63:AQ64"/>
    <mergeCell ref="A57:A58"/>
    <mergeCell ref="S57:S58"/>
    <mergeCell ref="AQ57:AQ58"/>
    <mergeCell ref="A59:A60"/>
    <mergeCell ref="S59:S60"/>
    <mergeCell ref="AQ59:AQ60"/>
    <mergeCell ref="A53:A54"/>
    <mergeCell ref="S53:S54"/>
    <mergeCell ref="AQ53:AQ54"/>
    <mergeCell ref="A55:A56"/>
    <mergeCell ref="S55:S56"/>
    <mergeCell ref="AQ55:AQ56"/>
    <mergeCell ref="A49:A50"/>
    <mergeCell ref="S49:S50"/>
    <mergeCell ref="AQ49:AQ50"/>
    <mergeCell ref="A51:A52"/>
    <mergeCell ref="S51:S52"/>
    <mergeCell ref="AQ51:AQ52"/>
    <mergeCell ref="A45:A46"/>
    <mergeCell ref="S45:S46"/>
    <mergeCell ref="AQ45:AQ46"/>
    <mergeCell ref="A47:A48"/>
    <mergeCell ref="S47:S48"/>
    <mergeCell ref="AQ47:AQ48"/>
    <mergeCell ref="A41:A42"/>
    <mergeCell ref="S41:S42"/>
    <mergeCell ref="AQ41:AQ42"/>
    <mergeCell ref="A43:A44"/>
    <mergeCell ref="S43:S44"/>
    <mergeCell ref="AQ43:AQ44"/>
    <mergeCell ref="A37:A38"/>
    <mergeCell ref="S37:S38"/>
    <mergeCell ref="AQ37:AQ38"/>
    <mergeCell ref="A39:A40"/>
    <mergeCell ref="S39:S40"/>
    <mergeCell ref="AQ39:AQ40"/>
    <mergeCell ref="A33:A34"/>
    <mergeCell ref="S33:S34"/>
    <mergeCell ref="AQ33:AQ34"/>
    <mergeCell ref="A35:A36"/>
    <mergeCell ref="S35:S36"/>
    <mergeCell ref="AQ35:AQ36"/>
    <mergeCell ref="A29:A30"/>
    <mergeCell ref="S29:S30"/>
    <mergeCell ref="AQ29:AQ30"/>
    <mergeCell ref="A31:A32"/>
    <mergeCell ref="S31:S32"/>
    <mergeCell ref="AQ31:AQ32"/>
    <mergeCell ref="A25:A26"/>
    <mergeCell ref="S25:S26"/>
    <mergeCell ref="AQ25:AQ26"/>
    <mergeCell ref="A27:A28"/>
    <mergeCell ref="S27:S28"/>
    <mergeCell ref="AQ27:AQ28"/>
    <mergeCell ref="A21:A22"/>
    <mergeCell ref="S21:S22"/>
    <mergeCell ref="AQ21:AQ22"/>
    <mergeCell ref="A23:A24"/>
    <mergeCell ref="S23:S24"/>
    <mergeCell ref="AQ23:AQ24"/>
    <mergeCell ref="A17:A18"/>
    <mergeCell ref="S17:S18"/>
    <mergeCell ref="AQ17:AQ18"/>
    <mergeCell ref="A19:A20"/>
    <mergeCell ref="S19:S20"/>
    <mergeCell ref="AQ19:AQ20"/>
    <mergeCell ref="A13:A14"/>
    <mergeCell ref="S13:S14"/>
    <mergeCell ref="AQ13:AQ14"/>
    <mergeCell ref="A15:A16"/>
    <mergeCell ref="S15:S16"/>
    <mergeCell ref="AQ15:AQ16"/>
    <mergeCell ref="A9:A10"/>
    <mergeCell ref="S9:S10"/>
    <mergeCell ref="AQ9:AQ10"/>
    <mergeCell ref="A11:A12"/>
    <mergeCell ref="S11:S12"/>
    <mergeCell ref="AQ11:AQ12"/>
    <mergeCell ref="A5:A6"/>
    <mergeCell ref="S5:S6"/>
    <mergeCell ref="AQ5:AQ6"/>
    <mergeCell ref="A7:A8"/>
    <mergeCell ref="S7:S8"/>
    <mergeCell ref="AQ7:AQ8"/>
    <mergeCell ref="AP3:AP4"/>
    <mergeCell ref="AR3:AR4"/>
    <mergeCell ref="AS3:AS4"/>
    <mergeCell ref="AT3:AT4"/>
    <mergeCell ref="AU3:AU4"/>
    <mergeCell ref="AV3:AV4"/>
    <mergeCell ref="AJ3:AJ4"/>
    <mergeCell ref="AK3:AK4"/>
    <mergeCell ref="AL3:AL4"/>
    <mergeCell ref="AM3:AM4"/>
    <mergeCell ref="AN3:AN4"/>
    <mergeCell ref="AO3:AO4"/>
    <mergeCell ref="AD3:AD4"/>
    <mergeCell ref="AE3:AE4"/>
    <mergeCell ref="AF3:AF4"/>
    <mergeCell ref="AG3:AG4"/>
    <mergeCell ref="AH3:AH4"/>
    <mergeCell ref="AI3:AI4"/>
    <mergeCell ref="T3:U3"/>
    <mergeCell ref="V3:W3"/>
    <mergeCell ref="X3:Y3"/>
    <mergeCell ref="Z3:AA3"/>
    <mergeCell ref="AB3:AB4"/>
    <mergeCell ref="AC3:AC4"/>
    <mergeCell ref="H3:H4"/>
    <mergeCell ref="I3:I4"/>
    <mergeCell ref="J3:J4"/>
    <mergeCell ref="K3:K4"/>
    <mergeCell ref="M3:M4"/>
    <mergeCell ref="N3:N4"/>
    <mergeCell ref="BD2:BD4"/>
    <mergeCell ref="BE2:BE4"/>
    <mergeCell ref="BF2:BF4"/>
    <mergeCell ref="BG2:BG4"/>
    <mergeCell ref="BH2:BH4"/>
    <mergeCell ref="C3:C4"/>
    <mergeCell ref="D3:D4"/>
    <mergeCell ref="E3:E4"/>
    <mergeCell ref="F3:F4"/>
    <mergeCell ref="G3:G4"/>
    <mergeCell ref="AQ2:AQ4"/>
    <mergeCell ref="AR2:AY2"/>
    <mergeCell ref="AZ2:AZ4"/>
    <mergeCell ref="BA2:BA4"/>
    <mergeCell ref="BB2:BB4"/>
    <mergeCell ref="BC2:BC4"/>
    <mergeCell ref="AW3:AW4"/>
    <mergeCell ref="AX3:AX4"/>
    <mergeCell ref="AY3:AY4"/>
    <mergeCell ref="L2:L4"/>
    <mergeCell ref="M2:N2"/>
    <mergeCell ref="O2:R2"/>
    <mergeCell ref="S2:S4"/>
    <mergeCell ref="T2:AA2"/>
    <mergeCell ref="AC2:AP2"/>
    <mergeCell ref="O3:O4"/>
    <mergeCell ref="P3:P4"/>
    <mergeCell ref="Q3:Q4"/>
    <mergeCell ref="R3:R4"/>
    <mergeCell ref="A1:K1"/>
    <mergeCell ref="O1:R1"/>
    <mergeCell ref="AK1:AP1"/>
    <mergeCell ref="BC1:BF1"/>
    <mergeCell ref="BG1:BH1"/>
    <mergeCell ref="A2:A4"/>
    <mergeCell ref="B2:B4"/>
    <mergeCell ref="C2:D2"/>
    <mergeCell ref="E2:H2"/>
    <mergeCell ref="I2:K2"/>
  </mergeCells>
  <phoneticPr fontId="3"/>
  <conditionalFormatting sqref="C37:R37">
    <cfRule type="expression" dxfId="275" priority="274">
      <formula>MOD(C37,1)&lt;&gt;0</formula>
    </cfRule>
  </conditionalFormatting>
  <conditionalFormatting sqref="T37:AB37">
    <cfRule type="expression" dxfId="274" priority="269">
      <formula>MOD(T37,1)&lt;&gt;0</formula>
    </cfRule>
  </conditionalFormatting>
  <conditionalFormatting sqref="AC37:AP37">
    <cfRule type="expression" dxfId="273" priority="264">
      <formula>MOD(AC37,1)&lt;&gt;0</formula>
    </cfRule>
  </conditionalFormatting>
  <conditionalFormatting sqref="AR37:BF37">
    <cfRule type="expression" dxfId="272" priority="259">
      <formula>MOD(AR37,1)&lt;&gt;0</formula>
    </cfRule>
  </conditionalFormatting>
  <conditionalFormatting sqref="C41:R41">
    <cfRule type="expression" dxfId="271" priority="254">
      <formula>MOD(C41,1)&lt;&gt;0</formula>
    </cfRule>
  </conditionalFormatting>
  <conditionalFormatting sqref="T41:AB41">
    <cfRule type="expression" dxfId="270" priority="249">
      <formula>MOD(T41,1)&lt;&gt;0</formula>
    </cfRule>
  </conditionalFormatting>
  <conditionalFormatting sqref="AC41:AP41">
    <cfRule type="expression" dxfId="269" priority="244">
      <formula>MOD(AC41,1)&lt;&gt;0</formula>
    </cfRule>
  </conditionalFormatting>
  <conditionalFormatting sqref="AR41:BF41">
    <cfRule type="expression" dxfId="268" priority="239">
      <formula>MOD(AR41,1)&lt;&gt;0</formula>
    </cfRule>
  </conditionalFormatting>
  <conditionalFormatting sqref="C43:R43">
    <cfRule type="expression" dxfId="267" priority="234">
      <formula>MOD(C43,1)&lt;&gt;0</formula>
    </cfRule>
  </conditionalFormatting>
  <conditionalFormatting sqref="T43:AB43">
    <cfRule type="expression" dxfId="266" priority="229">
      <formula>MOD(T43,1)&lt;&gt;0</formula>
    </cfRule>
  </conditionalFormatting>
  <conditionalFormatting sqref="AC43:AP43">
    <cfRule type="expression" dxfId="265" priority="224">
      <formula>MOD(AC43,1)&lt;&gt;0</formula>
    </cfRule>
  </conditionalFormatting>
  <conditionalFormatting sqref="AR43:BF43">
    <cfRule type="expression" dxfId="264" priority="219">
      <formula>MOD(AR43,1)&lt;&gt;0</formula>
    </cfRule>
  </conditionalFormatting>
  <conditionalFormatting sqref="C45:R45">
    <cfRule type="expression" dxfId="263" priority="214">
      <formula>MOD(C45,1)&lt;&gt;0</formula>
    </cfRule>
  </conditionalFormatting>
  <conditionalFormatting sqref="T45:AB45">
    <cfRule type="expression" dxfId="262" priority="209">
      <formula>MOD(T45,1)&lt;&gt;0</formula>
    </cfRule>
  </conditionalFormatting>
  <conditionalFormatting sqref="AC45:AP45">
    <cfRule type="expression" dxfId="261" priority="204">
      <formula>MOD(AC45,1)&lt;&gt;0</formula>
    </cfRule>
  </conditionalFormatting>
  <conditionalFormatting sqref="AR45:BF45">
    <cfRule type="expression" dxfId="260" priority="199">
      <formula>MOD(AR45,1)&lt;&gt;0</formula>
    </cfRule>
  </conditionalFormatting>
  <conditionalFormatting sqref="C47:R47">
    <cfRule type="expression" dxfId="259" priority="194">
      <formula>MOD(C47,1)&lt;&gt;0</formula>
    </cfRule>
  </conditionalFormatting>
  <conditionalFormatting sqref="T47:AB47">
    <cfRule type="expression" dxfId="258" priority="189">
      <formula>MOD(T47,1)&lt;&gt;0</formula>
    </cfRule>
  </conditionalFormatting>
  <conditionalFormatting sqref="AC47:AP47">
    <cfRule type="expression" dxfId="257" priority="184">
      <formula>MOD(AC47,1)&lt;&gt;0</formula>
    </cfRule>
  </conditionalFormatting>
  <conditionalFormatting sqref="AR47:BF47">
    <cfRule type="expression" dxfId="256" priority="179">
      <formula>MOD(AR47,1)&lt;&gt;0</formula>
    </cfRule>
  </conditionalFormatting>
  <conditionalFormatting sqref="C49:R49">
    <cfRule type="expression" dxfId="255" priority="174">
      <formula>MOD(C49,1)&lt;&gt;0</formula>
    </cfRule>
  </conditionalFormatting>
  <conditionalFormatting sqref="T49:AB49">
    <cfRule type="expression" dxfId="254" priority="169">
      <formula>MOD(T49,1)&lt;&gt;0</formula>
    </cfRule>
  </conditionalFormatting>
  <conditionalFormatting sqref="AC49:AP49">
    <cfRule type="expression" dxfId="253" priority="164">
      <formula>MOD(AC49,1)&lt;&gt;0</formula>
    </cfRule>
  </conditionalFormatting>
  <conditionalFormatting sqref="AR49:BF49">
    <cfRule type="expression" dxfId="252" priority="159">
      <formula>MOD(AR49,1)&lt;&gt;0</formula>
    </cfRule>
  </conditionalFormatting>
  <conditionalFormatting sqref="AR50:BF50">
    <cfRule type="expression" dxfId="251" priority="156">
      <formula>MOD(AR50,1)&lt;&gt;0</formula>
    </cfRule>
  </conditionalFormatting>
  <conditionalFormatting sqref="C51:R51">
    <cfRule type="expression" dxfId="250" priority="153">
      <formula>MOD(C51,1)&lt;&gt;0</formula>
    </cfRule>
  </conditionalFormatting>
  <conditionalFormatting sqref="T51:AB51">
    <cfRule type="expression" dxfId="249" priority="148">
      <formula>MOD(T51,1)&lt;&gt;0</formula>
    </cfRule>
  </conditionalFormatting>
  <conditionalFormatting sqref="AC51:AP51">
    <cfRule type="expression" dxfId="248" priority="143">
      <formula>MOD(AC51,1)&lt;&gt;0</formula>
    </cfRule>
  </conditionalFormatting>
  <conditionalFormatting sqref="AR51:BF51">
    <cfRule type="expression" dxfId="247" priority="138">
      <formula>MOD(AR51,1)&lt;&gt;0</formula>
    </cfRule>
  </conditionalFormatting>
  <conditionalFormatting sqref="AR52:BF56">
    <cfRule type="expression" dxfId="246" priority="135">
      <formula>MOD(AR52,1)&lt;&gt;0</formula>
    </cfRule>
  </conditionalFormatting>
  <conditionalFormatting sqref="C53:R53">
    <cfRule type="expression" dxfId="245" priority="132">
      <formula>MOD(C53,1)&lt;&gt;0</formula>
    </cfRule>
  </conditionalFormatting>
  <conditionalFormatting sqref="T53:AB53">
    <cfRule type="expression" dxfId="244" priority="127">
      <formula>MOD(T53,1)&lt;&gt;0</formula>
    </cfRule>
  </conditionalFormatting>
  <conditionalFormatting sqref="AC53:AP53">
    <cfRule type="expression" dxfId="243" priority="122">
      <formula>MOD(AC53,1)&lt;&gt;0</formula>
    </cfRule>
  </conditionalFormatting>
  <conditionalFormatting sqref="C55:R55">
    <cfRule type="expression" dxfId="242" priority="117">
      <formula>MOD(C55,1)&lt;&gt;0</formula>
    </cfRule>
  </conditionalFormatting>
  <conditionalFormatting sqref="T55:AB55">
    <cfRule type="expression" dxfId="241" priority="112">
      <formula>MOD(T55,1)&lt;&gt;0</formula>
    </cfRule>
  </conditionalFormatting>
  <conditionalFormatting sqref="AC55:AP55">
    <cfRule type="expression" dxfId="240" priority="107">
      <formula>MOD(AC55,1)&lt;&gt;0</formula>
    </cfRule>
  </conditionalFormatting>
  <conditionalFormatting sqref="C57:R57">
    <cfRule type="expression" dxfId="239" priority="102">
      <formula>MOD(C57,1)&lt;&gt;0</formula>
    </cfRule>
  </conditionalFormatting>
  <conditionalFormatting sqref="T57:AB57">
    <cfRule type="expression" dxfId="238" priority="97">
      <formula>MOD(T57,1)&lt;&gt;0</formula>
    </cfRule>
  </conditionalFormatting>
  <conditionalFormatting sqref="AC57:AP57">
    <cfRule type="expression" dxfId="237" priority="92">
      <formula>MOD(AC57,1)&lt;&gt;0</formula>
    </cfRule>
  </conditionalFormatting>
  <conditionalFormatting sqref="AR57:BF57">
    <cfRule type="expression" dxfId="236" priority="87">
      <formula>MOD(AR57,1)&lt;&gt;0</formula>
    </cfRule>
  </conditionalFormatting>
  <conditionalFormatting sqref="C59:R59">
    <cfRule type="expression" dxfId="235" priority="82">
      <formula>MOD(C59,1)&lt;&gt;0</formula>
    </cfRule>
  </conditionalFormatting>
  <conditionalFormatting sqref="T59:AB59">
    <cfRule type="expression" dxfId="234" priority="77">
      <formula>MOD(T59,1)&lt;&gt;0</formula>
    </cfRule>
  </conditionalFormatting>
  <conditionalFormatting sqref="AC59:AP59">
    <cfRule type="expression" dxfId="233" priority="72">
      <formula>MOD(AC59,1)&lt;&gt;0</formula>
    </cfRule>
  </conditionalFormatting>
  <conditionalFormatting sqref="AR59:BF59">
    <cfRule type="expression" dxfId="232" priority="67">
      <formula>MOD(AR59,1)&lt;&gt;0</formula>
    </cfRule>
  </conditionalFormatting>
  <conditionalFormatting sqref="AR60:BF60">
    <cfRule type="expression" dxfId="231" priority="64">
      <formula>MOD(AR60,1)&lt;&gt;0</formula>
    </cfRule>
  </conditionalFormatting>
  <conditionalFormatting sqref="C61:R61">
    <cfRule type="expression" dxfId="230" priority="61">
      <formula>MOD(C61,1)&lt;&gt;0</formula>
    </cfRule>
  </conditionalFormatting>
  <conditionalFormatting sqref="T61:AB61">
    <cfRule type="expression" dxfId="229" priority="56">
      <formula>MOD(T61,1)&lt;&gt;0</formula>
    </cfRule>
  </conditionalFormatting>
  <conditionalFormatting sqref="AC61:AP61">
    <cfRule type="expression" dxfId="228" priority="51">
      <formula>MOD(AC61,1)&lt;&gt;0</formula>
    </cfRule>
  </conditionalFormatting>
  <conditionalFormatting sqref="AR61:BF62">
    <cfRule type="expression" dxfId="227" priority="46">
      <formula>MOD(AR61,1)&lt;&gt;0</formula>
    </cfRule>
  </conditionalFormatting>
  <conditionalFormatting sqref="C63:R63">
    <cfRule type="expression" dxfId="226" priority="43">
      <formula>MOD(C63,1)&lt;&gt;0</formula>
    </cfRule>
  </conditionalFormatting>
  <conditionalFormatting sqref="T63:AB63">
    <cfRule type="expression" dxfId="225" priority="38">
      <formula>MOD(T63,1)&lt;&gt;0</formula>
    </cfRule>
  </conditionalFormatting>
  <conditionalFormatting sqref="AC63:AP63">
    <cfRule type="expression" dxfId="224" priority="33">
      <formula>MOD(AC63,1)&lt;&gt;0</formula>
    </cfRule>
  </conditionalFormatting>
  <conditionalFormatting sqref="AR63:BF63">
    <cfRule type="expression" dxfId="223" priority="28">
      <formula>MOD(AR63,1)&lt;&gt;0</formula>
    </cfRule>
  </conditionalFormatting>
  <conditionalFormatting sqref="C65:R65 C67:R67">
    <cfRule type="expression" dxfId="222" priority="23">
      <formula>MOD(C65,1)&lt;&gt;0</formula>
    </cfRule>
  </conditionalFormatting>
  <conditionalFormatting sqref="T65:AB65">
    <cfRule type="expression" dxfId="221" priority="18">
      <formula>MOD(T65,1)&lt;&gt;0</formula>
    </cfRule>
  </conditionalFormatting>
  <conditionalFormatting sqref="AC65:AP65">
    <cfRule type="expression" dxfId="220" priority="13">
      <formula>MOD(AC65,1)&lt;&gt;0</formula>
    </cfRule>
  </conditionalFormatting>
  <conditionalFormatting sqref="AR65:BF65">
    <cfRule type="expression" dxfId="219" priority="8">
      <formula>MOD(AR65,1)&lt;&gt;0</formula>
    </cfRule>
  </conditionalFormatting>
  <conditionalFormatting sqref="T67:AB68 AC67:AP67">
    <cfRule type="expression" dxfId="218" priority="3">
      <formula>MOD(T67,1)&lt;&gt;0</formula>
    </cfRule>
  </conditionalFormatting>
  <dataValidations count="1">
    <dataValidation type="whole" imeMode="off" allowBlank="1" showInputMessage="1" showErrorMessage="1" error="セルに整数以外の値が入力されています。" sqref="C9:R38 T9:AP38 AR9:BF38 C41:R68 T41:AP68 AR41:BF68">
      <formula1>0</formula1>
      <formula2>9999999999</formula2>
    </dataValidation>
  </dataValidations>
  <pageMargins left="0.86614173228346458" right="3.937007874015748E-2" top="0.55118110236220474" bottom="0.35433070866141736" header="0.31496062992125984" footer="0.31496062992125984"/>
  <pageSetup paperSize="9" scale="59" fitToWidth="3" orientation="portrait" r:id="rId1"/>
  <headerFooter>
    <oddHeader>&amp;R&amp;A</oddHeader>
  </headerFooter>
  <colBreaks count="2" manualBreakCount="2">
    <brk id="18" max="1048575" man="1"/>
    <brk id="41" max="1048575" man="1"/>
  </colBreaks>
  <extLst>
    <ext xmlns:x14="http://schemas.microsoft.com/office/spreadsheetml/2009/9/main" uri="{78C0D931-6437-407d-A8EE-F0AAD7539E65}">
      <x14:conditionalFormattings>
        <x14:conditionalFormatting xmlns:xm="http://schemas.microsoft.com/office/excel/2006/main">
          <x14:cfRule type="expression" priority="275" stopIfTrue="1" id="{18593D0C-6B48-4253-B10C-8C9736F6442E}">
            <xm:f>C37&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76" stopIfTrue="1" id="{D0F6D35A-D295-43BB-A7A1-942F4825C758}">
            <xm:f>C37&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C37:R37</xm:sqref>
        </x14:conditionalFormatting>
        <x14:conditionalFormatting xmlns:xm="http://schemas.microsoft.com/office/excel/2006/main">
          <x14:cfRule type="expression" priority="272" stopIfTrue="1" id="{03B22670-A4CF-4E9F-9733-B94261D3EA0D}">
            <xm:f>C38&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73" stopIfTrue="1" id="{7F59F1D0-97D9-480F-A2B5-55A392420479}">
            <xm:f>C38&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C38:R38</xm:sqref>
        </x14:conditionalFormatting>
        <x14:conditionalFormatting xmlns:xm="http://schemas.microsoft.com/office/excel/2006/main">
          <x14:cfRule type="expression" priority="270" stopIfTrue="1" id="{7C98F6F8-3F73-4436-A8DE-CD82AC45B756}">
            <xm:f>T37&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71" stopIfTrue="1" id="{0A4C4782-5405-4628-A6BE-9CA97FC59AC8}">
            <xm:f>T37&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T37:AB37</xm:sqref>
        </x14:conditionalFormatting>
        <x14:conditionalFormatting xmlns:xm="http://schemas.microsoft.com/office/excel/2006/main">
          <x14:cfRule type="expression" priority="267" stopIfTrue="1" id="{01A42116-9EB7-474C-99A9-4C4F9B753FF1}">
            <xm:f>T38&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68" stopIfTrue="1" id="{4AD3E30D-8EF6-47D2-B117-7514F9C6BC0C}">
            <xm:f>T38&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T38:AB38</xm:sqref>
        </x14:conditionalFormatting>
        <x14:conditionalFormatting xmlns:xm="http://schemas.microsoft.com/office/excel/2006/main">
          <x14:cfRule type="expression" priority="265" stopIfTrue="1" id="{132165BF-15CE-4BE7-B0DA-091012648E4F}">
            <xm:f>AC37&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66" stopIfTrue="1" id="{0F1F5FA7-ADB7-4CCE-91B7-1EB7B4E5290F}">
            <xm:f>AC37&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AC37:AP37</xm:sqref>
        </x14:conditionalFormatting>
        <x14:conditionalFormatting xmlns:xm="http://schemas.microsoft.com/office/excel/2006/main">
          <x14:cfRule type="expression" priority="262" stopIfTrue="1" id="{FEC8D94C-F018-4EFE-8F95-6CF7AB8EEA01}">
            <xm:f>AC38&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63" stopIfTrue="1" id="{30A32F2F-77BB-4406-A00F-271987DE6A2F}">
            <xm:f>AC38&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AC38:AP38</xm:sqref>
        </x14:conditionalFormatting>
        <x14:conditionalFormatting xmlns:xm="http://schemas.microsoft.com/office/excel/2006/main">
          <x14:cfRule type="expression" priority="260" stopIfTrue="1" id="{B62EEF4E-7E7C-4430-B4BC-AEFAA23365EF}">
            <xm:f>AR37&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61" stopIfTrue="1" id="{C51A8CA0-5DF4-4F94-91DB-9B3973D36714}">
            <xm:f>AR37&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AR37:BF37</xm:sqref>
        </x14:conditionalFormatting>
        <x14:conditionalFormatting xmlns:xm="http://schemas.microsoft.com/office/excel/2006/main">
          <x14:cfRule type="expression" priority="257" stopIfTrue="1" id="{5425DCCE-7AE4-4AD8-B00F-D18ACE87C277}">
            <xm:f>AR38&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58" stopIfTrue="1" id="{202240FB-138B-413A-8841-B2CE5EA90F9D}">
            <xm:f>AR38&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AR38:BF38</xm:sqref>
        </x14:conditionalFormatting>
        <x14:conditionalFormatting xmlns:xm="http://schemas.microsoft.com/office/excel/2006/main">
          <x14:cfRule type="expression" priority="255" stopIfTrue="1" id="{0F662FAF-11EF-43ED-8D7F-C3E88C7435CD}">
            <xm:f>C41&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56" stopIfTrue="1" id="{9FA81A73-9254-43CA-B019-1338AC122EAA}">
            <xm:f>C41&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C41:R41</xm:sqref>
        </x14:conditionalFormatting>
        <x14:conditionalFormatting xmlns:xm="http://schemas.microsoft.com/office/excel/2006/main">
          <x14:cfRule type="expression" priority="252" stopIfTrue="1" id="{FEA30C02-B53B-468C-8C20-2A68AD396927}">
            <xm:f>C42&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53" stopIfTrue="1" id="{4C7C44E7-4ED3-44DD-BCD0-FC70C1586B8B}">
            <xm:f>C42&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C42:R42</xm:sqref>
        </x14:conditionalFormatting>
        <x14:conditionalFormatting xmlns:xm="http://schemas.microsoft.com/office/excel/2006/main">
          <x14:cfRule type="expression" priority="250" stopIfTrue="1" id="{496B6FE2-F535-4802-A943-63F3A00E24E2}">
            <xm:f>T41&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51" stopIfTrue="1" id="{E565CFCA-E3BF-4FB8-881A-58B0A1C555B4}">
            <xm:f>T41&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T41:AB41</xm:sqref>
        </x14:conditionalFormatting>
        <x14:conditionalFormatting xmlns:xm="http://schemas.microsoft.com/office/excel/2006/main">
          <x14:cfRule type="expression" priority="247" stopIfTrue="1" id="{587681EC-CAA9-4730-BB40-7AA154E7B192}">
            <xm:f>T42&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48" stopIfTrue="1" id="{F8C98781-C1B1-42BE-99A7-B57F6C64A75C}">
            <xm:f>T42&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T42:AB42</xm:sqref>
        </x14:conditionalFormatting>
        <x14:conditionalFormatting xmlns:xm="http://schemas.microsoft.com/office/excel/2006/main">
          <x14:cfRule type="expression" priority="245" stopIfTrue="1" id="{747E92A0-4C31-42B2-B28A-21EDBE475A4A}">
            <xm:f>AC41&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46" stopIfTrue="1" id="{A7FAB312-343F-4A47-8629-05E6BEB0766C}">
            <xm:f>AC41&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AC41:AP41</xm:sqref>
        </x14:conditionalFormatting>
        <x14:conditionalFormatting xmlns:xm="http://schemas.microsoft.com/office/excel/2006/main">
          <x14:cfRule type="expression" priority="242" stopIfTrue="1" id="{78FA542F-49ED-485E-B27C-2F8DF855F1D1}">
            <xm:f>AC42&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43" stopIfTrue="1" id="{9AEB0CD2-4A14-4480-841C-2B16065FA691}">
            <xm:f>AC42&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AC42:AP42</xm:sqref>
        </x14:conditionalFormatting>
        <x14:conditionalFormatting xmlns:xm="http://schemas.microsoft.com/office/excel/2006/main">
          <x14:cfRule type="expression" priority="240" stopIfTrue="1" id="{5EB6D1BD-AF6C-4C61-A05E-DB8C77AE77C2}">
            <xm:f>AR41&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41" stopIfTrue="1" id="{D0BF4DEF-2B3A-4935-B086-A756BADB0A36}">
            <xm:f>AR41&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AR41:BF41</xm:sqref>
        </x14:conditionalFormatting>
        <x14:conditionalFormatting xmlns:xm="http://schemas.microsoft.com/office/excel/2006/main">
          <x14:cfRule type="expression" priority="237" stopIfTrue="1" id="{A65AE27F-A6AE-4FAC-94A7-CC17F779BC95}">
            <xm:f>AR42&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38" stopIfTrue="1" id="{9D845703-2E58-4EF7-82DE-7172B389F702}">
            <xm:f>AR42&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AR42:BF42</xm:sqref>
        </x14:conditionalFormatting>
        <x14:conditionalFormatting xmlns:xm="http://schemas.microsoft.com/office/excel/2006/main">
          <x14:cfRule type="expression" priority="235" stopIfTrue="1" id="{8028DF0C-2A4E-4ABB-9FE3-F87FBE7FACDC}">
            <xm:f>C43&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36" stopIfTrue="1" id="{B4251A49-1DEE-48E4-867A-0092743CBAEA}">
            <xm:f>C43&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C43:R43</xm:sqref>
        </x14:conditionalFormatting>
        <x14:conditionalFormatting xmlns:xm="http://schemas.microsoft.com/office/excel/2006/main">
          <x14:cfRule type="expression" priority="232" stopIfTrue="1" id="{4296ECB6-21E6-414C-ADE7-41C9247C6567}">
            <xm:f>C44&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33" stopIfTrue="1" id="{075930AF-197C-4FCB-AE6E-9B130F4ADCF8}">
            <xm:f>C44&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C44:R44</xm:sqref>
        </x14:conditionalFormatting>
        <x14:conditionalFormatting xmlns:xm="http://schemas.microsoft.com/office/excel/2006/main">
          <x14:cfRule type="expression" priority="230" stopIfTrue="1" id="{7D2804FB-6C82-4159-88C7-92B2DF007B87}">
            <xm:f>T43&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31" stopIfTrue="1" id="{6AD412DF-2F74-473A-B4E9-65BC2559A90B}">
            <xm:f>T43&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T43:AB43</xm:sqref>
        </x14:conditionalFormatting>
        <x14:conditionalFormatting xmlns:xm="http://schemas.microsoft.com/office/excel/2006/main">
          <x14:cfRule type="expression" priority="227" stopIfTrue="1" id="{96FD9765-6A01-412A-8782-917B22CB56A7}">
            <xm:f>T44&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28" stopIfTrue="1" id="{D37D7C13-AD28-4771-8ACC-C9F253923131}">
            <xm:f>T44&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T44:AB44</xm:sqref>
        </x14:conditionalFormatting>
        <x14:conditionalFormatting xmlns:xm="http://schemas.microsoft.com/office/excel/2006/main">
          <x14:cfRule type="expression" priority="225" stopIfTrue="1" id="{79A150D7-2288-4761-87B2-41D7969A1131}">
            <xm:f>AC43&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26" stopIfTrue="1" id="{8CA8905E-33AF-4BA4-A710-9D62A5F1AEF8}">
            <xm:f>AC43&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AC43:AP43</xm:sqref>
        </x14:conditionalFormatting>
        <x14:conditionalFormatting xmlns:xm="http://schemas.microsoft.com/office/excel/2006/main">
          <x14:cfRule type="expression" priority="222" stopIfTrue="1" id="{4B9D1DFE-131F-4FDA-AD60-0FF55D5DC277}">
            <xm:f>AC44&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23" stopIfTrue="1" id="{19B63A10-4EE6-4589-A01E-A7A3C3493FAB}">
            <xm:f>AC44&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AC44:AP44</xm:sqref>
        </x14:conditionalFormatting>
        <x14:conditionalFormatting xmlns:xm="http://schemas.microsoft.com/office/excel/2006/main">
          <x14:cfRule type="expression" priority="220" stopIfTrue="1" id="{8407956C-02DB-4869-BAA3-EBA5AB1BD7B8}">
            <xm:f>AR43&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21" stopIfTrue="1" id="{88B4D703-7EB4-4159-A41B-1D11A6F2C08E}">
            <xm:f>AR43&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AR43:BF43</xm:sqref>
        </x14:conditionalFormatting>
        <x14:conditionalFormatting xmlns:xm="http://schemas.microsoft.com/office/excel/2006/main">
          <x14:cfRule type="expression" priority="217" stopIfTrue="1" id="{114EB6FA-B756-4632-930F-E06A2440034D}">
            <xm:f>AR44&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18" stopIfTrue="1" id="{42378A18-C45D-4F79-A1B6-A1C7B53E81BC}">
            <xm:f>AR44&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AR44:BF44</xm:sqref>
        </x14:conditionalFormatting>
        <x14:conditionalFormatting xmlns:xm="http://schemas.microsoft.com/office/excel/2006/main">
          <x14:cfRule type="expression" priority="215" stopIfTrue="1" id="{D8261C16-0920-4F0F-8B72-C68E39BBD998}">
            <xm:f>C45&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16" stopIfTrue="1" id="{452703AB-3055-48D7-B7B8-3BCF28E39F35}">
            <xm:f>C45&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C45:R45</xm:sqref>
        </x14:conditionalFormatting>
        <x14:conditionalFormatting xmlns:xm="http://schemas.microsoft.com/office/excel/2006/main">
          <x14:cfRule type="expression" priority="212" stopIfTrue="1" id="{71F67371-DB74-4FB4-ACF3-D3EE1491E400}">
            <xm:f>C46&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13" stopIfTrue="1" id="{B094A24E-3C17-4B0D-BD8A-64B08F4DCD8A}">
            <xm:f>C46&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C46:R46</xm:sqref>
        </x14:conditionalFormatting>
        <x14:conditionalFormatting xmlns:xm="http://schemas.microsoft.com/office/excel/2006/main">
          <x14:cfRule type="expression" priority="210" stopIfTrue="1" id="{B6924ED1-CB38-4D26-A1BD-EB8F6FCB6325}">
            <xm:f>T45&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11" stopIfTrue="1" id="{9F453DEC-D6AF-44A4-A4F4-E82E287ABCBD}">
            <xm:f>T45&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T45:AB45</xm:sqref>
        </x14:conditionalFormatting>
        <x14:conditionalFormatting xmlns:xm="http://schemas.microsoft.com/office/excel/2006/main">
          <x14:cfRule type="expression" priority="207" stopIfTrue="1" id="{EFA7E733-0400-4BD9-AE6A-F5DAF0270F9B}">
            <xm:f>T46&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08" stopIfTrue="1" id="{F368C2A3-198F-4F5E-8554-7BE654A267A9}">
            <xm:f>T46&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T46:AB46</xm:sqref>
        </x14:conditionalFormatting>
        <x14:conditionalFormatting xmlns:xm="http://schemas.microsoft.com/office/excel/2006/main">
          <x14:cfRule type="expression" priority="205" stopIfTrue="1" id="{73BCD761-1F5A-4C8E-89DA-A397B90E598E}">
            <xm:f>AC45&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06" stopIfTrue="1" id="{DCE30A17-EAFF-49A4-89E8-8CCD4E14A117}">
            <xm:f>AC45&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AC45:AP45</xm:sqref>
        </x14:conditionalFormatting>
        <x14:conditionalFormatting xmlns:xm="http://schemas.microsoft.com/office/excel/2006/main">
          <x14:cfRule type="expression" priority="202" stopIfTrue="1" id="{AB6B318D-6A1C-48A2-ACAA-5FD6FC69AB2F}">
            <xm:f>AC46&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03" stopIfTrue="1" id="{84DD92EA-B795-4317-9834-3E954C8CADF8}">
            <xm:f>AC46&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AC46:AP46</xm:sqref>
        </x14:conditionalFormatting>
        <x14:conditionalFormatting xmlns:xm="http://schemas.microsoft.com/office/excel/2006/main">
          <x14:cfRule type="expression" priority="200" stopIfTrue="1" id="{4B88B8BA-B993-4BEF-976C-6D769E5A0999}">
            <xm:f>AR45&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01" stopIfTrue="1" id="{B3D8E6EF-0853-4D04-8F99-D3BEF1A497C5}">
            <xm:f>AR45&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AR45:BF45</xm:sqref>
        </x14:conditionalFormatting>
        <x14:conditionalFormatting xmlns:xm="http://schemas.microsoft.com/office/excel/2006/main">
          <x14:cfRule type="expression" priority="197" stopIfTrue="1" id="{A068D5E7-31C5-4F45-A408-24104645FEFF}">
            <xm:f>AR46&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198" stopIfTrue="1" id="{1F95F31C-982E-4898-90D8-6FD0AD8E2848}">
            <xm:f>AR46&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AR46:BF46</xm:sqref>
        </x14:conditionalFormatting>
        <x14:conditionalFormatting xmlns:xm="http://schemas.microsoft.com/office/excel/2006/main">
          <x14:cfRule type="expression" priority="195" stopIfTrue="1" id="{412CD48B-A9A8-4872-998C-4672CA56CE11}">
            <xm:f>C47&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96" stopIfTrue="1" id="{72B62F28-14A5-4E2A-B7D1-57EF87ACDD75}">
            <xm:f>C47&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C47:R47</xm:sqref>
        </x14:conditionalFormatting>
        <x14:conditionalFormatting xmlns:xm="http://schemas.microsoft.com/office/excel/2006/main">
          <x14:cfRule type="expression" priority="192" stopIfTrue="1" id="{550F340E-C973-44D5-9B86-431813855733}">
            <xm:f>C48&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93" stopIfTrue="1" id="{E9BB7172-9C9C-4A03-8243-2A4582086D83}">
            <xm:f>C48&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C48:R48</xm:sqref>
        </x14:conditionalFormatting>
        <x14:conditionalFormatting xmlns:xm="http://schemas.microsoft.com/office/excel/2006/main">
          <x14:cfRule type="expression" priority="190" stopIfTrue="1" id="{50E7A782-C63B-4260-A5A3-5F59E78C64B2}">
            <xm:f>T47&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91" stopIfTrue="1" id="{AB6DE278-819D-4563-863A-EA70BCC37CC5}">
            <xm:f>T47&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T47:AB47</xm:sqref>
        </x14:conditionalFormatting>
        <x14:conditionalFormatting xmlns:xm="http://schemas.microsoft.com/office/excel/2006/main">
          <x14:cfRule type="expression" priority="187" stopIfTrue="1" id="{00868F7E-B865-4BFD-A64E-2A54E5F89E80}">
            <xm:f>T48&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88" stopIfTrue="1" id="{E5BA6569-FF06-48BB-A728-2C78D5563ACB}">
            <xm:f>T48&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T48:AB48</xm:sqref>
        </x14:conditionalFormatting>
        <x14:conditionalFormatting xmlns:xm="http://schemas.microsoft.com/office/excel/2006/main">
          <x14:cfRule type="expression" priority="185" stopIfTrue="1" id="{E01693FC-E18D-4237-8F87-B5DF3C7AC22A}">
            <xm:f>AC47&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86" stopIfTrue="1" id="{40DE95AC-1C8A-4FE4-8D90-06549816FC3A}">
            <xm:f>AC47&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AC47:AP47</xm:sqref>
        </x14:conditionalFormatting>
        <x14:conditionalFormatting xmlns:xm="http://schemas.microsoft.com/office/excel/2006/main">
          <x14:cfRule type="expression" priority="182" stopIfTrue="1" id="{889DE5CF-87D4-49A4-9E09-E9E3FD8528BC}">
            <xm:f>AC48&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83" stopIfTrue="1" id="{F190E0DF-CC69-44C1-BF5C-4DDCFD8DB90C}">
            <xm:f>AC48&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AC48:AP48</xm:sqref>
        </x14:conditionalFormatting>
        <x14:conditionalFormatting xmlns:xm="http://schemas.microsoft.com/office/excel/2006/main">
          <x14:cfRule type="expression" priority="180" stopIfTrue="1" id="{CEE8A6F0-91B0-4715-9733-153A77CC27F8}">
            <xm:f>AR47&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81" stopIfTrue="1" id="{4403CE53-27BF-4A42-8AA2-5A0C77A045A1}">
            <xm:f>AR47&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AR47:BF47</xm:sqref>
        </x14:conditionalFormatting>
        <x14:conditionalFormatting xmlns:xm="http://schemas.microsoft.com/office/excel/2006/main">
          <x14:cfRule type="expression" priority="177" stopIfTrue="1" id="{F3BB6701-7DCD-4896-A9E1-DD593B0A192C}">
            <xm:f>AR48&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78" stopIfTrue="1" id="{B093B91B-F76D-46F7-A9B1-F339B14CB747}">
            <xm:f>AR48&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AR48:BF48</xm:sqref>
        </x14:conditionalFormatting>
        <x14:conditionalFormatting xmlns:xm="http://schemas.microsoft.com/office/excel/2006/main">
          <x14:cfRule type="expression" priority="175" stopIfTrue="1" id="{AF07B2F0-76BF-431A-9EDC-575D3121DDAA}">
            <xm:f>C49&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76" stopIfTrue="1" id="{04DC0D04-BF51-472E-9C30-E5B66FD99041}">
            <xm:f>C49&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C49:R49</xm:sqref>
        </x14:conditionalFormatting>
        <x14:conditionalFormatting xmlns:xm="http://schemas.microsoft.com/office/excel/2006/main">
          <x14:cfRule type="expression" priority="172" stopIfTrue="1" id="{E96B1095-A400-48E9-8E47-9B586CA6C3E7}">
            <xm:f>C50&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73" stopIfTrue="1" id="{15523D99-817D-441D-8559-CCD3592958D4}">
            <xm:f>C50&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C50:R50</xm:sqref>
        </x14:conditionalFormatting>
        <x14:conditionalFormatting xmlns:xm="http://schemas.microsoft.com/office/excel/2006/main">
          <x14:cfRule type="expression" priority="170" stopIfTrue="1" id="{1127FD40-E0AD-43CC-8A6A-39AC501D9D8C}">
            <xm:f>T49&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71" stopIfTrue="1" id="{91B80AE1-7F86-4850-A3DD-8C31B5CA29A9}">
            <xm:f>T49&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T49:AB49</xm:sqref>
        </x14:conditionalFormatting>
        <x14:conditionalFormatting xmlns:xm="http://schemas.microsoft.com/office/excel/2006/main">
          <x14:cfRule type="expression" priority="167" stopIfTrue="1" id="{7903D9E4-51AD-43B0-AC8F-4957AED2E50E}">
            <xm:f>T50&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68" stopIfTrue="1" id="{8685CFBC-8841-42CB-BAD2-BD4A63C091FA}">
            <xm:f>T50&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T50:AB50</xm:sqref>
        </x14:conditionalFormatting>
        <x14:conditionalFormatting xmlns:xm="http://schemas.microsoft.com/office/excel/2006/main">
          <x14:cfRule type="expression" priority="165" stopIfTrue="1" id="{CADD6977-19D8-4A0B-99D2-179CBB8022FF}">
            <xm:f>AC49&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66" stopIfTrue="1" id="{1F6DB167-F2E8-46D7-B006-1BF3D4C11FEB}">
            <xm:f>AC49&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AC49:AP49</xm:sqref>
        </x14:conditionalFormatting>
        <x14:conditionalFormatting xmlns:xm="http://schemas.microsoft.com/office/excel/2006/main">
          <x14:cfRule type="expression" priority="162" stopIfTrue="1" id="{6E27BDA1-85F0-48BD-900B-23674A214763}">
            <xm:f>AC50&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63" stopIfTrue="1" id="{17A7E0D6-70EF-4653-ABC2-6199CD878BD6}">
            <xm:f>AC50&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AC50:AP50</xm:sqref>
        </x14:conditionalFormatting>
        <x14:conditionalFormatting xmlns:xm="http://schemas.microsoft.com/office/excel/2006/main">
          <x14:cfRule type="expression" priority="160" stopIfTrue="1" id="{2F79CECF-2591-42BA-8EED-D9D531513E4E}">
            <xm:f>AR49&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61" stopIfTrue="1" id="{9DFA81F9-8371-4052-A483-759892806022}">
            <xm:f>AR49&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AR49:BF49</xm:sqref>
        </x14:conditionalFormatting>
        <x14:conditionalFormatting xmlns:xm="http://schemas.microsoft.com/office/excel/2006/main">
          <x14:cfRule type="expression" priority="157" stopIfTrue="1" id="{0BA9778A-6DBA-48D3-A5DA-A3D3171F635B}">
            <xm:f>AR50&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58" stopIfTrue="1" id="{9996C8BC-6F92-437C-96A1-B34FF25C9B76}">
            <xm:f>AR50&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AR50:BF50</xm:sqref>
        </x14:conditionalFormatting>
        <x14:conditionalFormatting xmlns:xm="http://schemas.microsoft.com/office/excel/2006/main">
          <x14:cfRule type="expression" priority="154" stopIfTrue="1" id="{62F9970A-A42E-47AD-AFD8-95EE208BC86D}">
            <xm:f>C51&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55" stopIfTrue="1" id="{3D5D13B8-CB4F-4C3E-B8D3-FBFAD2074A56}">
            <xm:f>C51&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C51:R51</xm:sqref>
        </x14:conditionalFormatting>
        <x14:conditionalFormatting xmlns:xm="http://schemas.microsoft.com/office/excel/2006/main">
          <x14:cfRule type="expression" priority="151" stopIfTrue="1" id="{59063821-8BCC-427D-927B-5EC126772021}">
            <xm:f>C52&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52" stopIfTrue="1" id="{B09A33E8-8678-48B4-AB7D-911161B0B82A}">
            <xm:f>C52&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C52:R52</xm:sqref>
        </x14:conditionalFormatting>
        <x14:conditionalFormatting xmlns:xm="http://schemas.microsoft.com/office/excel/2006/main">
          <x14:cfRule type="expression" priority="149" stopIfTrue="1" id="{C57E0C7F-2E9F-4C32-B2FF-FD37ED61246A}">
            <xm:f>T51&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50" stopIfTrue="1" id="{C4D52099-FD23-42A7-9857-DF063C50009D}">
            <xm:f>T51&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T51:AB51</xm:sqref>
        </x14:conditionalFormatting>
        <x14:conditionalFormatting xmlns:xm="http://schemas.microsoft.com/office/excel/2006/main">
          <x14:cfRule type="expression" priority="146" stopIfTrue="1" id="{B2033365-875C-47CA-81BF-90EA1D5A4B54}">
            <xm:f>T52&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47" stopIfTrue="1" id="{BE205359-591D-4BCF-AD23-8B833F11DC3A}">
            <xm:f>T52&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T52:AB52</xm:sqref>
        </x14:conditionalFormatting>
        <x14:conditionalFormatting xmlns:xm="http://schemas.microsoft.com/office/excel/2006/main">
          <x14:cfRule type="expression" priority="144" stopIfTrue="1" id="{D9E8EFE5-2DB1-490E-B02E-6879791C3618}">
            <xm:f>AC51&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45" stopIfTrue="1" id="{CE6C5537-42E0-4CC7-9B8B-2B112A794B7F}">
            <xm:f>AC51&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AC51:AP51</xm:sqref>
        </x14:conditionalFormatting>
        <x14:conditionalFormatting xmlns:xm="http://schemas.microsoft.com/office/excel/2006/main">
          <x14:cfRule type="expression" priority="141" stopIfTrue="1" id="{3EAF379B-FBF0-48B5-92D9-038AA9AA4A8B}">
            <xm:f>AC52&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42" stopIfTrue="1" id="{14E1D59F-D8CE-47B1-ACA3-EDF080CABF8D}">
            <xm:f>AC52&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AC52:AP52</xm:sqref>
        </x14:conditionalFormatting>
        <x14:conditionalFormatting xmlns:xm="http://schemas.microsoft.com/office/excel/2006/main">
          <x14:cfRule type="expression" priority="139" stopIfTrue="1" id="{B7F532B2-12D7-4878-B637-BA276C21F1ED}">
            <xm:f>AR51&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40" stopIfTrue="1" id="{E50F3823-5200-4970-8562-CC62E8E7B663}">
            <xm:f>AR51&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AR51:BF51</xm:sqref>
        </x14:conditionalFormatting>
        <x14:conditionalFormatting xmlns:xm="http://schemas.microsoft.com/office/excel/2006/main">
          <x14:cfRule type="expression" priority="136" stopIfTrue="1" id="{7AF28904-EB0D-4069-A26C-071B34D43E90}">
            <xm:f>AR52&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37" stopIfTrue="1" id="{B3D4B322-952B-4230-A950-A58B5C2C4F1D}">
            <xm:f>AR52&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AR52:BF56</xm:sqref>
        </x14:conditionalFormatting>
        <x14:conditionalFormatting xmlns:xm="http://schemas.microsoft.com/office/excel/2006/main">
          <x14:cfRule type="expression" priority="133" stopIfTrue="1" id="{C961ECE3-D459-4C4A-B43D-CF2516E6DBF5}">
            <xm:f>C53&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34" stopIfTrue="1" id="{A5FDD27E-B25E-4F98-8C95-42BE7D03A8E1}">
            <xm:f>C53&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C53:R53</xm:sqref>
        </x14:conditionalFormatting>
        <x14:conditionalFormatting xmlns:xm="http://schemas.microsoft.com/office/excel/2006/main">
          <x14:cfRule type="expression" priority="130" stopIfTrue="1" id="{F49CBD19-A8DB-45E1-80EE-948B9459051D}">
            <xm:f>C54&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31" stopIfTrue="1" id="{F5C947A7-DBAC-4A38-8860-BBF626140FCD}">
            <xm:f>C54&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C54:R54</xm:sqref>
        </x14:conditionalFormatting>
        <x14:conditionalFormatting xmlns:xm="http://schemas.microsoft.com/office/excel/2006/main">
          <x14:cfRule type="expression" priority="128" stopIfTrue="1" id="{9245DF83-E9A7-4086-879E-1030DB9B7122}">
            <xm:f>T53&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29" stopIfTrue="1" id="{6E55E7F8-0E5A-4B8C-BA2E-86B288BE470C}">
            <xm:f>T53&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T53:AB53</xm:sqref>
        </x14:conditionalFormatting>
        <x14:conditionalFormatting xmlns:xm="http://schemas.microsoft.com/office/excel/2006/main">
          <x14:cfRule type="expression" priority="125" stopIfTrue="1" id="{5F34447E-A4F8-4744-A71F-C61B966D4A5F}">
            <xm:f>T54&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26" stopIfTrue="1" id="{342B394C-4717-4B60-936E-CBB01883B7BC}">
            <xm:f>T54&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T54:AB54</xm:sqref>
        </x14:conditionalFormatting>
        <x14:conditionalFormatting xmlns:xm="http://schemas.microsoft.com/office/excel/2006/main">
          <x14:cfRule type="expression" priority="123" stopIfTrue="1" id="{7E8AAAA6-F08B-4FA6-8AF1-34FF372997F3}">
            <xm:f>AC53&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24" stopIfTrue="1" id="{DD6BE2C1-B2C1-49CA-8DD4-8812187EB48B}">
            <xm:f>AC53&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AC53:AP53</xm:sqref>
        </x14:conditionalFormatting>
        <x14:conditionalFormatting xmlns:xm="http://schemas.microsoft.com/office/excel/2006/main">
          <x14:cfRule type="expression" priority="120" stopIfTrue="1" id="{01A8D637-CA4F-40B1-B509-B4164264F3E2}">
            <xm:f>AC54&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21" stopIfTrue="1" id="{B333D324-3B85-414A-B990-FFB7597B7B75}">
            <xm:f>AC54&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AC54:AP54</xm:sqref>
        </x14:conditionalFormatting>
        <x14:conditionalFormatting xmlns:xm="http://schemas.microsoft.com/office/excel/2006/main">
          <x14:cfRule type="expression" priority="118" stopIfTrue="1" id="{570DF69D-0316-4336-9B41-49C0DE463ED2}">
            <xm:f>C55&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19" stopIfTrue="1" id="{ADBB8BEB-5A78-425A-BF1B-E02D1DB00B3E}">
            <xm:f>C55&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C55:R55</xm:sqref>
        </x14:conditionalFormatting>
        <x14:conditionalFormatting xmlns:xm="http://schemas.microsoft.com/office/excel/2006/main">
          <x14:cfRule type="expression" priority="115" stopIfTrue="1" id="{29B88B03-ECC0-4A06-82F7-F5B01AD27F3C}">
            <xm:f>C56&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16" stopIfTrue="1" id="{1F1CDDE7-66E1-4967-8E28-C5F1A35088AB}">
            <xm:f>C56&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C56:R56</xm:sqref>
        </x14:conditionalFormatting>
        <x14:conditionalFormatting xmlns:xm="http://schemas.microsoft.com/office/excel/2006/main">
          <x14:cfRule type="expression" priority="113" stopIfTrue="1" id="{253B17D6-173C-44EC-9961-2D8216503D84}">
            <xm:f>T55&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14" stopIfTrue="1" id="{08E6CC2B-5237-4B92-96B5-4DC96E7398F7}">
            <xm:f>T55&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T55:AB55</xm:sqref>
        </x14:conditionalFormatting>
        <x14:conditionalFormatting xmlns:xm="http://schemas.microsoft.com/office/excel/2006/main">
          <x14:cfRule type="expression" priority="110" stopIfTrue="1" id="{6E55E177-217F-49DD-9A4F-C02DE226DF7A}">
            <xm:f>T56&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11" stopIfTrue="1" id="{B5F81C77-8D88-424C-AF2C-FC335B2035B9}">
            <xm:f>T56&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T56:AB56</xm:sqref>
        </x14:conditionalFormatting>
        <x14:conditionalFormatting xmlns:xm="http://schemas.microsoft.com/office/excel/2006/main">
          <x14:cfRule type="expression" priority="108" stopIfTrue="1" id="{77F89F34-C513-4BAE-8908-F56E3AFD1450}">
            <xm:f>AC55&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09" stopIfTrue="1" id="{0375F646-E3AB-4A9D-A73F-5DF64FB483CF}">
            <xm:f>AC55&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AC55:AP55</xm:sqref>
        </x14:conditionalFormatting>
        <x14:conditionalFormatting xmlns:xm="http://schemas.microsoft.com/office/excel/2006/main">
          <x14:cfRule type="expression" priority="105" stopIfTrue="1" id="{576D8E73-A147-420A-9C68-3A931CB10990}">
            <xm:f>AC56&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06" stopIfTrue="1" id="{CB237381-20B3-4FE8-8C8A-E0DE885ABDF3}">
            <xm:f>AC56&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AC56:AP56</xm:sqref>
        </x14:conditionalFormatting>
        <x14:conditionalFormatting xmlns:xm="http://schemas.microsoft.com/office/excel/2006/main">
          <x14:cfRule type="expression" priority="103" stopIfTrue="1" id="{17D850E6-C9C3-40C4-A473-FA5FD42C4F99}">
            <xm:f>C57&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104" stopIfTrue="1" id="{E07A2C10-8B0C-42D9-86AB-DB5F2FB557DB}">
            <xm:f>C57&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C57:R57</xm:sqref>
        </x14:conditionalFormatting>
        <x14:conditionalFormatting xmlns:xm="http://schemas.microsoft.com/office/excel/2006/main">
          <x14:cfRule type="expression" priority="100" stopIfTrue="1" id="{81CB2B59-6785-4130-BCA7-DBDF1629A3CA}">
            <xm:f>C58&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101" stopIfTrue="1" id="{764AE51B-9499-49D4-8868-653BF97E82F1}">
            <xm:f>C58&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C58:R58</xm:sqref>
        </x14:conditionalFormatting>
        <x14:conditionalFormatting xmlns:xm="http://schemas.microsoft.com/office/excel/2006/main">
          <x14:cfRule type="expression" priority="98" stopIfTrue="1" id="{9200D5F9-538F-4E1F-932D-A7A580208317}">
            <xm:f>T57&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99" stopIfTrue="1" id="{04F058AC-8293-4D6C-82B3-68C5B03CDDA3}">
            <xm:f>T57&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T57:AB57</xm:sqref>
        </x14:conditionalFormatting>
        <x14:conditionalFormatting xmlns:xm="http://schemas.microsoft.com/office/excel/2006/main">
          <x14:cfRule type="expression" priority="95" stopIfTrue="1" id="{CD421144-14D1-4132-9010-60CC51D8814C}">
            <xm:f>T58&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96" stopIfTrue="1" id="{FD9D97F0-DD0F-4A8C-8815-01E0CCA6F95F}">
            <xm:f>T58&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T58:AB58</xm:sqref>
        </x14:conditionalFormatting>
        <x14:conditionalFormatting xmlns:xm="http://schemas.microsoft.com/office/excel/2006/main">
          <x14:cfRule type="expression" priority="93" stopIfTrue="1" id="{E49C9D3B-2D24-488A-AB0F-08FC1E3719FD}">
            <xm:f>AC57&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94" stopIfTrue="1" id="{08209C83-9AFD-4C31-907F-81D2B6BBC7BA}">
            <xm:f>AC57&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AC57:AP57</xm:sqref>
        </x14:conditionalFormatting>
        <x14:conditionalFormatting xmlns:xm="http://schemas.microsoft.com/office/excel/2006/main">
          <x14:cfRule type="expression" priority="90" stopIfTrue="1" id="{3C100B30-7047-4627-996D-0C8695CC309C}">
            <xm:f>AC58&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91" stopIfTrue="1" id="{FC9EC1A7-40F9-43A3-96FA-B23B857AD6D6}">
            <xm:f>AC58&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AC58:AP58</xm:sqref>
        </x14:conditionalFormatting>
        <x14:conditionalFormatting xmlns:xm="http://schemas.microsoft.com/office/excel/2006/main">
          <x14:cfRule type="expression" priority="88" stopIfTrue="1" id="{89FC690C-1B75-43F7-A519-0D38BEE502E1}">
            <xm:f>AR57&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89" stopIfTrue="1" id="{992F0B8E-7615-446C-AE61-2D6B811F9ED9}">
            <xm:f>AR57&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AR57:BF57</xm:sqref>
        </x14:conditionalFormatting>
        <x14:conditionalFormatting xmlns:xm="http://schemas.microsoft.com/office/excel/2006/main">
          <x14:cfRule type="expression" priority="85" stopIfTrue="1" id="{32562442-F4F1-47A8-A60B-08F65848B674}">
            <xm:f>AR58&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86" stopIfTrue="1" id="{0FCF1F03-625B-412C-82D7-4AA9F46A753F}">
            <xm:f>AR58&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AR58:BF58</xm:sqref>
        </x14:conditionalFormatting>
        <x14:conditionalFormatting xmlns:xm="http://schemas.microsoft.com/office/excel/2006/main">
          <x14:cfRule type="expression" priority="83" stopIfTrue="1" id="{637490ED-B2CB-4309-84B9-97BD34D98D0A}">
            <xm:f>C59&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84" stopIfTrue="1" id="{3BD22F5D-00E9-4FC7-BBA2-2A10F3C2CCD4}">
            <xm:f>C59&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C59:R59</xm:sqref>
        </x14:conditionalFormatting>
        <x14:conditionalFormatting xmlns:xm="http://schemas.microsoft.com/office/excel/2006/main">
          <x14:cfRule type="expression" priority="80" stopIfTrue="1" id="{229CF5C1-BEB5-43EE-8589-DC3A92CF51E0}">
            <xm:f>C60&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81" stopIfTrue="1" id="{F4EA0E06-DA97-42AB-895A-3CC899D56799}">
            <xm:f>C60&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C60:R60</xm:sqref>
        </x14:conditionalFormatting>
        <x14:conditionalFormatting xmlns:xm="http://schemas.microsoft.com/office/excel/2006/main">
          <x14:cfRule type="expression" priority="78" stopIfTrue="1" id="{FD9E54DA-B3BC-404F-93A6-155C42AD94EE}">
            <xm:f>T59&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79" stopIfTrue="1" id="{4E4610B2-20F9-4722-B2CB-88C3BB10924C}">
            <xm:f>T59&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T59:AB59</xm:sqref>
        </x14:conditionalFormatting>
        <x14:conditionalFormatting xmlns:xm="http://schemas.microsoft.com/office/excel/2006/main">
          <x14:cfRule type="expression" priority="75" stopIfTrue="1" id="{758437C4-EA61-46DA-BDB9-0AF32334BBF9}">
            <xm:f>T60&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76" stopIfTrue="1" id="{7AB28B1D-77CA-48DF-8942-870D6957D120}">
            <xm:f>T60&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T60:AB60</xm:sqref>
        </x14:conditionalFormatting>
        <x14:conditionalFormatting xmlns:xm="http://schemas.microsoft.com/office/excel/2006/main">
          <x14:cfRule type="expression" priority="73" stopIfTrue="1" id="{63BD9DCE-887D-4CB4-9DAB-44F0FF386CEC}">
            <xm:f>AC59&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74" stopIfTrue="1" id="{3A9DA283-2BE6-4C47-9BB1-37A439620863}">
            <xm:f>AC59&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AC59:AP59</xm:sqref>
        </x14:conditionalFormatting>
        <x14:conditionalFormatting xmlns:xm="http://schemas.microsoft.com/office/excel/2006/main">
          <x14:cfRule type="expression" priority="70" stopIfTrue="1" id="{D80F55BC-E640-4E5E-829F-1FC089598BED}">
            <xm:f>AC60&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71" stopIfTrue="1" id="{716CB473-BFD5-4572-9472-189DD56033B6}">
            <xm:f>AC60&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AC60:AP60</xm:sqref>
        </x14:conditionalFormatting>
        <x14:conditionalFormatting xmlns:xm="http://schemas.microsoft.com/office/excel/2006/main">
          <x14:cfRule type="expression" priority="68" stopIfTrue="1" id="{D0A3E04F-9EBA-4657-ADFE-DDD846E6BCA9}">
            <xm:f>AR59&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69" stopIfTrue="1" id="{598E17AD-209E-4B17-945C-D3A1B1E1632C}">
            <xm:f>AR59&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AR59:BF59</xm:sqref>
        </x14:conditionalFormatting>
        <x14:conditionalFormatting xmlns:xm="http://schemas.microsoft.com/office/excel/2006/main">
          <x14:cfRule type="expression" priority="65" stopIfTrue="1" id="{946E88CD-30CB-45B2-B3C7-7296CCE2678D}">
            <xm:f>AR60&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66" stopIfTrue="1" id="{79327689-7C96-4F3F-878A-64695F24B706}">
            <xm:f>AR60&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AR60:BF60</xm:sqref>
        </x14:conditionalFormatting>
        <x14:conditionalFormatting xmlns:xm="http://schemas.microsoft.com/office/excel/2006/main">
          <x14:cfRule type="expression" priority="62" stopIfTrue="1" id="{3E5E036B-7B36-4670-BE58-110BBE469E9A}">
            <xm:f>C61&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63" stopIfTrue="1" id="{93E41A26-0B99-492D-817A-B74C9378E7E9}">
            <xm:f>C61&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C61:R61</xm:sqref>
        </x14:conditionalFormatting>
        <x14:conditionalFormatting xmlns:xm="http://schemas.microsoft.com/office/excel/2006/main">
          <x14:cfRule type="expression" priority="59" stopIfTrue="1" id="{71606345-96CB-40D3-A045-68A4E80C60BB}">
            <xm:f>C62&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60" stopIfTrue="1" id="{B508AD97-3DAD-4A24-AD95-D0D8D981E23B}">
            <xm:f>C62&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C62:R62</xm:sqref>
        </x14:conditionalFormatting>
        <x14:conditionalFormatting xmlns:xm="http://schemas.microsoft.com/office/excel/2006/main">
          <x14:cfRule type="expression" priority="57" stopIfTrue="1" id="{CBA3349A-6ED5-4C01-8613-B09D940C1422}">
            <xm:f>T61&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58" stopIfTrue="1" id="{5934E4B4-5223-42A3-A67E-A2B5019463E1}">
            <xm:f>T61&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T61:AB61</xm:sqref>
        </x14:conditionalFormatting>
        <x14:conditionalFormatting xmlns:xm="http://schemas.microsoft.com/office/excel/2006/main">
          <x14:cfRule type="expression" priority="54" stopIfTrue="1" id="{3B277506-FB48-48AC-AB87-D7132E9A5C34}">
            <xm:f>T62&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55" stopIfTrue="1" id="{1CF67CA8-5D15-44D2-8AAA-0C6998A68E4B}">
            <xm:f>T62&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T62:AB62</xm:sqref>
        </x14:conditionalFormatting>
        <x14:conditionalFormatting xmlns:xm="http://schemas.microsoft.com/office/excel/2006/main">
          <x14:cfRule type="expression" priority="52" stopIfTrue="1" id="{04BB3CA8-9BFB-437F-90D6-D1BC1AB67989}">
            <xm:f>AC61&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53" stopIfTrue="1" id="{32FB5735-0A39-4CB6-B58E-35E0E973B44F}">
            <xm:f>AC61&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AC61:AP61</xm:sqref>
        </x14:conditionalFormatting>
        <x14:conditionalFormatting xmlns:xm="http://schemas.microsoft.com/office/excel/2006/main">
          <x14:cfRule type="expression" priority="49" stopIfTrue="1" id="{C41FAEAB-A34D-4CAE-8425-36EE77E524CF}">
            <xm:f>AC62&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50" stopIfTrue="1" id="{6BA9273E-0165-4447-95DF-6EA27A8B9394}">
            <xm:f>AC62&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AC62:AP62</xm:sqref>
        </x14:conditionalFormatting>
        <x14:conditionalFormatting xmlns:xm="http://schemas.microsoft.com/office/excel/2006/main">
          <x14:cfRule type="expression" priority="47" stopIfTrue="1" id="{FDBD8E19-D2BD-4B11-87EF-EECEDF770A15}">
            <xm:f>AR61&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48" stopIfTrue="1" id="{B2FE582C-6949-430C-BC42-D3BFA58015E1}">
            <xm:f>AR61&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AR61:BF62</xm:sqref>
        </x14:conditionalFormatting>
        <x14:conditionalFormatting xmlns:xm="http://schemas.microsoft.com/office/excel/2006/main">
          <x14:cfRule type="expression" priority="44" stopIfTrue="1" id="{FB738220-3A8B-4B34-8E4D-215CAD0D0E09}">
            <xm:f>C63&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45" stopIfTrue="1" id="{8F65C3FB-2AE9-435C-8D60-1432CF4B1D69}">
            <xm:f>C63&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C63:R63</xm:sqref>
        </x14:conditionalFormatting>
        <x14:conditionalFormatting xmlns:xm="http://schemas.microsoft.com/office/excel/2006/main">
          <x14:cfRule type="expression" priority="41" stopIfTrue="1" id="{8C199C43-85B8-4AD1-AAF8-FCB75903643A}">
            <xm:f>C64&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42" stopIfTrue="1" id="{EA8C2801-E593-4C35-9B34-CEC76CF771A4}">
            <xm:f>C64&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C64:R64</xm:sqref>
        </x14:conditionalFormatting>
        <x14:conditionalFormatting xmlns:xm="http://schemas.microsoft.com/office/excel/2006/main">
          <x14:cfRule type="expression" priority="39" stopIfTrue="1" id="{99635595-E5A8-42FB-AA99-C067E503D6FF}">
            <xm:f>T63&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40" stopIfTrue="1" id="{ED87C458-6A9A-4842-A688-E8084E3A5384}">
            <xm:f>T63&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T63:AB63</xm:sqref>
        </x14:conditionalFormatting>
        <x14:conditionalFormatting xmlns:xm="http://schemas.microsoft.com/office/excel/2006/main">
          <x14:cfRule type="expression" priority="36" stopIfTrue="1" id="{8A0F81FB-7FCF-4CB6-9260-DE08D0FC5FD4}">
            <xm:f>T64&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37" stopIfTrue="1" id="{94DCB56F-3F8A-49AE-AF54-D662BDE6EF5B}">
            <xm:f>T64&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T64:AB64</xm:sqref>
        </x14:conditionalFormatting>
        <x14:conditionalFormatting xmlns:xm="http://schemas.microsoft.com/office/excel/2006/main">
          <x14:cfRule type="expression" priority="34" stopIfTrue="1" id="{85B2C656-B80F-47B0-9E4E-2F5E380D7F6F}">
            <xm:f>AC63&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35" stopIfTrue="1" id="{1D8135BC-5ED4-4872-99B2-8AC2FCC754AB}">
            <xm:f>AC63&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AC63:AP63</xm:sqref>
        </x14:conditionalFormatting>
        <x14:conditionalFormatting xmlns:xm="http://schemas.microsoft.com/office/excel/2006/main">
          <x14:cfRule type="expression" priority="31" stopIfTrue="1" id="{C6C753EE-EF0A-4617-9E07-03FE982FBBEB}">
            <xm:f>AC64&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32" stopIfTrue="1" id="{B4C7335C-6512-48EB-B490-713EA3272948}">
            <xm:f>AC64&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AC64:AP64</xm:sqref>
        </x14:conditionalFormatting>
        <x14:conditionalFormatting xmlns:xm="http://schemas.microsoft.com/office/excel/2006/main">
          <x14:cfRule type="expression" priority="29" stopIfTrue="1" id="{A68CC775-0FAA-4636-9D82-6C0F17B2370A}">
            <xm:f>AR63&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30" stopIfTrue="1" id="{8E938023-0B53-47B0-A4AD-C6588F387A7D}">
            <xm:f>AR63&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AR63:BF63</xm:sqref>
        </x14:conditionalFormatting>
        <x14:conditionalFormatting xmlns:xm="http://schemas.microsoft.com/office/excel/2006/main">
          <x14:cfRule type="expression" priority="26" stopIfTrue="1" id="{66E32634-E858-4600-BAF5-32CC44137C13}">
            <xm:f>AR64&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27" stopIfTrue="1" id="{02CCD355-5312-442B-9B93-91CC1F5BAF34}">
            <xm:f>AR64&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AR64:BF64</xm:sqref>
        </x14:conditionalFormatting>
        <x14:conditionalFormatting xmlns:xm="http://schemas.microsoft.com/office/excel/2006/main">
          <x14:cfRule type="expression" priority="24" stopIfTrue="1" id="{21F7D798-7893-4181-8771-FE9AA3626F91}">
            <xm:f>C65&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25" stopIfTrue="1" id="{AB2EF6ED-1881-4FA6-A32F-B3166A518869}">
            <xm:f>C65&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C65:R65 C67:R67</xm:sqref>
        </x14:conditionalFormatting>
        <x14:conditionalFormatting xmlns:xm="http://schemas.microsoft.com/office/excel/2006/main">
          <x14:cfRule type="expression" priority="21" stopIfTrue="1" id="{668B1100-D6B9-43D3-8E24-3E77200A9347}">
            <xm:f>C66&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22" stopIfTrue="1" id="{CAAD7425-ADA7-4878-B69F-FB957DC56EDC}">
            <xm:f>C66&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C66:R66 C68:R68</xm:sqref>
        </x14:conditionalFormatting>
        <x14:conditionalFormatting xmlns:xm="http://schemas.microsoft.com/office/excel/2006/main">
          <x14:cfRule type="expression" priority="19" stopIfTrue="1" id="{9ECFEA7F-EC12-4041-BCEC-482484BF784A}">
            <xm:f>T65&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20" stopIfTrue="1" id="{24290591-009E-4A7B-8D89-76D79D29B8B6}">
            <xm:f>T65&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T65:AB65</xm:sqref>
        </x14:conditionalFormatting>
        <x14:conditionalFormatting xmlns:xm="http://schemas.microsoft.com/office/excel/2006/main">
          <x14:cfRule type="expression" priority="16" stopIfTrue="1" id="{C4826BC4-40A5-4456-8216-40F083388217}">
            <xm:f>T66&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17" stopIfTrue="1" id="{7577E715-B7F2-4C59-A4A5-7171A7255A1D}">
            <xm:f>T66&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T66:AB66</xm:sqref>
        </x14:conditionalFormatting>
        <x14:conditionalFormatting xmlns:xm="http://schemas.microsoft.com/office/excel/2006/main">
          <x14:cfRule type="expression" priority="14" stopIfTrue="1" id="{2F90CA14-1C9F-422C-907B-04ADA587D47F}">
            <xm:f>AC65&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15" stopIfTrue="1" id="{D6ACBFDD-E7D2-4719-88CC-E476AFD961F6}">
            <xm:f>AC65&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AC65:AP65</xm:sqref>
        </x14:conditionalFormatting>
        <x14:conditionalFormatting xmlns:xm="http://schemas.microsoft.com/office/excel/2006/main">
          <x14:cfRule type="expression" priority="11" stopIfTrue="1" id="{824240E0-97DD-44DD-90A8-438DD6C8F42F}">
            <xm:f>AC66&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12" stopIfTrue="1" id="{EC4A9D46-D560-4FCF-A8AF-89E88DDAF89D}">
            <xm:f>AC66&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AC66:AP66</xm:sqref>
        </x14:conditionalFormatting>
        <x14:conditionalFormatting xmlns:xm="http://schemas.microsoft.com/office/excel/2006/main">
          <x14:cfRule type="expression" priority="9" stopIfTrue="1" id="{4F30CA61-1973-457E-A94B-E9F0473ACBC9}">
            <xm:f>AR65&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10" stopIfTrue="1" id="{DCA0439A-5B15-4D33-9E36-EABA48CBAABF}">
            <xm:f>AR65&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AR65:BF65</xm:sqref>
        </x14:conditionalFormatting>
        <x14:conditionalFormatting xmlns:xm="http://schemas.microsoft.com/office/excel/2006/main">
          <x14:cfRule type="expression" priority="6" stopIfTrue="1" id="{4897353F-E042-4C41-9790-8C2AF6DCDCED}">
            <xm:f>AR66&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7" stopIfTrue="1" id="{8B9B9CB1-39D0-452F-A027-6B568947D64A}">
            <xm:f>AR66&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AR66:BF68</xm:sqref>
        </x14:conditionalFormatting>
        <x14:conditionalFormatting xmlns:xm="http://schemas.microsoft.com/office/excel/2006/main">
          <x14:cfRule type="expression" priority="4" stopIfTrue="1" id="{52F01020-3539-4803-BCCF-90DA75F3117E}">
            <xm:f>T67&lt;'\\kfs01\s1309\1_調整グループ\18_福祉行政報告例\福祉行政報告例（R4）\05_回答データ\２　政令・中核市以外\★10【清川村】R3福祉行政報告例\[【清川村】（１）180（円単位）（令和３年度・保護なし）.xlsx]02180'!#REF!*0.5</xm:f>
            <x14:dxf>
              <font>
                <color rgb="FFFF00FF"/>
              </font>
            </x14:dxf>
          </x14:cfRule>
          <x14:cfRule type="expression" priority="5" stopIfTrue="1" id="{48935E10-3345-4A83-A63F-7650B7F1C41F}">
            <xm:f>T67&gt;'\\kfs01\s1309\1_調整グループ\18_福祉行政報告例\福祉行政報告例（R4）\05_回答データ\２　政令・中核市以外\★10【清川村】R3福祉行政報告例\[【清川村】（１）180（円単位）（令和３年度・保護なし）.xlsx]02180'!#REF!*1.5</xm:f>
            <x14:dxf>
              <font>
                <color rgb="FFFF0000"/>
              </font>
            </x14:dxf>
          </x14:cfRule>
          <xm:sqref>T67:AB68 AC67:AP67</xm:sqref>
        </x14:conditionalFormatting>
        <x14:conditionalFormatting xmlns:xm="http://schemas.microsoft.com/office/excel/2006/main">
          <x14:cfRule type="expression" priority="1" stopIfTrue="1" id="{144E8D88-6CC6-49E7-AB33-0C6C5B95C010}">
            <xm:f>AC68&lt;'\\kfs01\s1309\1_調整グループ\18_福祉行政報告例\福祉行政報告例（R4）\05_回答データ\２　政令・中核市以外\★10【清川村】R3福祉行政報告例\[【清川村】（１）180（円単位）（令和３年度・保護なし）.xlsx]02180'!#REF!*0.5</xm:f>
            <x14:dxf>
              <font>
                <color rgb="FFFF00FF"/>
              </font>
            </x14:dxf>
          </x14:cfRule>
          <x14:cfRule type="expression" priority="2" stopIfTrue="1" id="{D02B2909-0DBB-48D8-904E-567E4A9CF527}">
            <xm:f>AC68&gt;'\\kfs01\s1309\1_調整グループ\18_福祉行政報告例\福祉行政報告例（R4）\05_回答データ\２　政令・中核市以外\★10【清川村】R3福祉行政報告例\[【清川村】（１）180（円単位）（令和３年度・保護なし）.xlsx]02180'!#REF!*1.5</xm:f>
            <x14:dxf>
              <font>
                <color rgb="FFFF0000"/>
              </font>
            </x14:dxf>
          </x14:cfRule>
          <xm:sqref>AC68:AP68</xm:sqref>
        </x14:conditionalFormatting>
      </x14:conditionalFormattings>
    </ext>
    <ext xmlns:x14="http://schemas.microsoft.com/office/spreadsheetml/2009/9/main" uri="{CCE6A557-97BC-4b89-ADB6-D9C93CAAB3DF}">
      <x14:dataValidations xmlns:xm="http://schemas.microsoft.com/office/excel/2006/main" count="1">
        <x14:dataValidation type="whole" allowBlank="1" showInputMessage="1" showErrorMessage="1" error="セルに整数以外の値が入力されています。">
          <x14:formula1>
            <xm:f>0</xm:f>
          </x14:formula1>
          <x14:formula2>
            <xm:f>9999999999</xm:f>
          </x14:formula2>
          <xm:sqref>P65573:R65600 P131109:R131136 P196645:R196672 P262181:R262208 P327717:R327744 P393253:R393280 P458789:R458816 P524325:R524352 P589861:R589888 P655397:R655424 P720933:R720960 P786469:R786496 P852005:R852032 P917541:R917568 P983077:R983104 O65541:R65570 O131077:R131106 O196613:R196642 O262149:R262178 O327685:R327714 O393221:R393250 O458757:R458786 O524293:R524322 O589829:R589858 O655365:R655394 O720901:R720930 O786437:R786466 O851973:R852002 O917509:R917538 O983045:R983074 WMV983080:WMV983104 WCZ983080:WCZ983104 VTD983080:VTD983104 VJH983080:VJH983104 UZL983080:UZL983104 UPP983080:UPP983104 UFT983080:UFT983104 TVX983080:TVX983104 TMB983080:TMB983104 TCF983080:TCF983104 SSJ983080:SSJ983104 SIN983080:SIN983104 RYR983080:RYR983104 ROV983080:ROV983104 REZ983080:REZ983104 QVD983080:QVD983104 QLH983080:QLH983104 QBL983080:QBL983104 PRP983080:PRP983104 PHT983080:PHT983104 OXX983080:OXX983104 OOB983080:OOB983104 OEF983080:OEF983104 NUJ983080:NUJ983104 NKN983080:NKN983104 NAR983080:NAR983104 MQV983080:MQV983104 MGZ983080:MGZ983104 LXD983080:LXD983104 LNH983080:LNH983104 LDL983080:LDL983104 KTP983080:KTP983104 KJT983080:KJT983104 JZX983080:JZX983104 JQB983080:JQB983104 JGF983080:JGF983104 IWJ983080:IWJ983104 IMN983080:IMN983104 ICR983080:ICR983104 HSV983080:HSV983104 HIZ983080:HIZ983104 GZD983080:GZD983104 GPH983080:GPH983104 GFL983080:GFL983104 FVP983080:FVP983104 FLT983080:FLT983104 FBX983080:FBX983104 ESB983080:ESB983104 EIF983080:EIF983104 DYJ983080:DYJ983104 DON983080:DON983104 DER983080:DER983104 CUV983080:CUV983104 CKZ983080:CKZ983104 CBD983080:CBD983104 BRH983080:BRH983104 BHL983080:BHL983104 AXP983080:AXP983104 ANT983080:ANT983104 ADX983080:ADX983104 UB983080:UB983104 KF983080:KF983104 AD983080:AF983104 WWR917544:WWR917568 WMV917544:WMV917568 WCZ917544:WCZ917568 VTD917544:VTD917568 VJH917544:VJH917568 UZL917544:UZL917568 UPP917544:UPP917568 UFT917544:UFT917568 TVX917544:TVX917568 TMB917544:TMB917568 TCF917544:TCF917568 SSJ917544:SSJ917568 SIN917544:SIN917568 RYR917544:RYR917568 ROV917544:ROV917568 REZ917544:REZ917568 QVD917544:QVD917568 QLH917544:QLH917568 QBL917544:QBL917568 PRP917544:PRP917568 PHT917544:PHT917568 OXX917544:OXX917568 OOB917544:OOB917568 OEF917544:OEF917568 NUJ917544:NUJ917568 NKN917544:NKN917568 NAR917544:NAR917568 MQV917544:MQV917568 MGZ917544:MGZ917568 LXD917544:LXD917568 LNH917544:LNH917568 LDL917544:LDL917568 KTP917544:KTP917568 KJT917544:KJT917568 JZX917544:JZX917568 JQB917544:JQB917568 JGF917544:JGF917568 IWJ917544:IWJ917568 IMN917544:IMN917568 ICR917544:ICR917568 HSV917544:HSV917568 HIZ917544:HIZ917568 GZD917544:GZD917568 GPH917544:GPH917568 GFL917544:GFL917568 FVP917544:FVP917568 FLT917544:FLT917568 FBX917544:FBX917568 ESB917544:ESB917568 EIF917544:EIF917568 DYJ917544:DYJ917568 DON917544:DON917568 DER917544:DER917568 CUV917544:CUV917568 CKZ917544:CKZ917568 CBD917544:CBD917568 BRH917544:BRH917568 BHL917544:BHL917568 AXP917544:AXP917568 ANT917544:ANT917568 ADX917544:ADX917568 UB917544:UB917568 KF917544:KF917568 AD917544:AF917568 WWR852008:WWR852032 WMV852008:WMV852032 WCZ852008:WCZ852032 VTD852008:VTD852032 VJH852008:VJH852032 UZL852008:UZL852032 UPP852008:UPP852032 UFT852008:UFT852032 TVX852008:TVX852032 TMB852008:TMB852032 TCF852008:TCF852032 SSJ852008:SSJ852032 SIN852008:SIN852032 RYR852008:RYR852032 ROV852008:ROV852032 REZ852008:REZ852032 QVD852008:QVD852032 QLH852008:QLH852032 QBL852008:QBL852032 PRP852008:PRP852032 PHT852008:PHT852032 OXX852008:OXX852032 OOB852008:OOB852032 OEF852008:OEF852032 NUJ852008:NUJ852032 NKN852008:NKN852032 NAR852008:NAR852032 MQV852008:MQV852032 MGZ852008:MGZ852032 LXD852008:LXD852032 LNH852008:LNH852032 LDL852008:LDL852032 KTP852008:KTP852032 KJT852008:KJT852032 JZX852008:JZX852032 JQB852008:JQB852032 JGF852008:JGF852032 IWJ852008:IWJ852032 IMN852008:IMN852032 ICR852008:ICR852032 HSV852008:HSV852032 HIZ852008:HIZ852032 GZD852008:GZD852032 GPH852008:GPH852032 GFL852008:GFL852032 FVP852008:FVP852032 FLT852008:FLT852032 FBX852008:FBX852032 ESB852008:ESB852032 EIF852008:EIF852032 DYJ852008:DYJ852032 DON852008:DON852032 DER852008:DER852032 CUV852008:CUV852032 CKZ852008:CKZ852032 CBD852008:CBD852032 BRH852008:BRH852032 BHL852008:BHL852032 AXP852008:AXP852032 ANT852008:ANT852032 ADX852008:ADX852032 UB852008:UB852032 KF852008:KF852032 AD852008:AF852032 WWR786472:WWR786496 WMV786472:WMV786496 WCZ786472:WCZ786496 VTD786472:VTD786496 VJH786472:VJH786496 UZL786472:UZL786496 UPP786472:UPP786496 UFT786472:UFT786496 TVX786472:TVX786496 TMB786472:TMB786496 TCF786472:TCF786496 SSJ786472:SSJ786496 SIN786472:SIN786496 RYR786472:RYR786496 ROV786472:ROV786496 REZ786472:REZ786496 QVD786472:QVD786496 QLH786472:QLH786496 QBL786472:QBL786496 PRP786472:PRP786496 PHT786472:PHT786496 OXX786472:OXX786496 OOB786472:OOB786496 OEF786472:OEF786496 NUJ786472:NUJ786496 NKN786472:NKN786496 NAR786472:NAR786496 MQV786472:MQV786496 MGZ786472:MGZ786496 LXD786472:LXD786496 LNH786472:LNH786496 LDL786472:LDL786496 KTP786472:KTP786496 KJT786472:KJT786496 JZX786472:JZX786496 JQB786472:JQB786496 JGF786472:JGF786496 IWJ786472:IWJ786496 IMN786472:IMN786496 ICR786472:ICR786496 HSV786472:HSV786496 HIZ786472:HIZ786496 GZD786472:GZD786496 GPH786472:GPH786496 GFL786472:GFL786496 FVP786472:FVP786496 FLT786472:FLT786496 FBX786472:FBX786496 ESB786472:ESB786496 EIF786472:EIF786496 DYJ786472:DYJ786496 DON786472:DON786496 DER786472:DER786496 CUV786472:CUV786496 CKZ786472:CKZ786496 CBD786472:CBD786496 BRH786472:BRH786496 BHL786472:BHL786496 AXP786472:AXP786496 ANT786472:ANT786496 ADX786472:ADX786496 UB786472:UB786496 KF786472:KF786496 AD786472:AF786496 WWR720936:WWR720960 WMV720936:WMV720960 WCZ720936:WCZ720960 VTD720936:VTD720960 VJH720936:VJH720960 UZL720936:UZL720960 UPP720936:UPP720960 UFT720936:UFT720960 TVX720936:TVX720960 TMB720936:TMB720960 TCF720936:TCF720960 SSJ720936:SSJ720960 SIN720936:SIN720960 RYR720936:RYR720960 ROV720936:ROV720960 REZ720936:REZ720960 QVD720936:QVD720960 QLH720936:QLH720960 QBL720936:QBL720960 PRP720936:PRP720960 PHT720936:PHT720960 OXX720936:OXX720960 OOB720936:OOB720960 OEF720936:OEF720960 NUJ720936:NUJ720960 NKN720936:NKN720960 NAR720936:NAR720960 MQV720936:MQV720960 MGZ720936:MGZ720960 LXD720936:LXD720960 LNH720936:LNH720960 LDL720936:LDL720960 KTP720936:KTP720960 KJT720936:KJT720960 JZX720936:JZX720960 JQB720936:JQB720960 JGF720936:JGF720960 IWJ720936:IWJ720960 IMN720936:IMN720960 ICR720936:ICR720960 HSV720936:HSV720960 HIZ720936:HIZ720960 GZD720936:GZD720960 GPH720936:GPH720960 GFL720936:GFL720960 FVP720936:FVP720960 FLT720936:FLT720960 FBX720936:FBX720960 ESB720936:ESB720960 EIF720936:EIF720960 DYJ720936:DYJ720960 DON720936:DON720960 DER720936:DER720960 CUV720936:CUV720960 CKZ720936:CKZ720960 CBD720936:CBD720960 BRH720936:BRH720960 BHL720936:BHL720960 AXP720936:AXP720960 ANT720936:ANT720960 ADX720936:ADX720960 UB720936:UB720960 KF720936:KF720960 AD720936:AF720960 WWR655400:WWR655424 WMV655400:WMV655424 WCZ655400:WCZ655424 VTD655400:VTD655424 VJH655400:VJH655424 UZL655400:UZL655424 UPP655400:UPP655424 UFT655400:UFT655424 TVX655400:TVX655424 TMB655400:TMB655424 TCF655400:TCF655424 SSJ655400:SSJ655424 SIN655400:SIN655424 RYR655400:RYR655424 ROV655400:ROV655424 REZ655400:REZ655424 QVD655400:QVD655424 QLH655400:QLH655424 QBL655400:QBL655424 PRP655400:PRP655424 PHT655400:PHT655424 OXX655400:OXX655424 OOB655400:OOB655424 OEF655400:OEF655424 NUJ655400:NUJ655424 NKN655400:NKN655424 NAR655400:NAR655424 MQV655400:MQV655424 MGZ655400:MGZ655424 LXD655400:LXD655424 LNH655400:LNH655424 LDL655400:LDL655424 KTP655400:KTP655424 KJT655400:KJT655424 JZX655400:JZX655424 JQB655400:JQB655424 JGF655400:JGF655424 IWJ655400:IWJ655424 IMN655400:IMN655424 ICR655400:ICR655424 HSV655400:HSV655424 HIZ655400:HIZ655424 GZD655400:GZD655424 GPH655400:GPH655424 GFL655400:GFL655424 FVP655400:FVP655424 FLT655400:FLT655424 FBX655400:FBX655424 ESB655400:ESB655424 EIF655400:EIF655424 DYJ655400:DYJ655424 DON655400:DON655424 DER655400:DER655424 CUV655400:CUV655424 CKZ655400:CKZ655424 CBD655400:CBD655424 BRH655400:BRH655424 BHL655400:BHL655424 AXP655400:AXP655424 ANT655400:ANT655424 ADX655400:ADX655424 UB655400:UB655424 KF655400:KF655424 AD655400:AF655424 WWR589864:WWR589888 WMV589864:WMV589888 WCZ589864:WCZ589888 VTD589864:VTD589888 VJH589864:VJH589888 UZL589864:UZL589888 UPP589864:UPP589888 UFT589864:UFT589888 TVX589864:TVX589888 TMB589864:TMB589888 TCF589864:TCF589888 SSJ589864:SSJ589888 SIN589864:SIN589888 RYR589864:RYR589888 ROV589864:ROV589888 REZ589864:REZ589888 QVD589864:QVD589888 QLH589864:QLH589888 QBL589864:QBL589888 PRP589864:PRP589888 PHT589864:PHT589888 OXX589864:OXX589888 OOB589864:OOB589888 OEF589864:OEF589888 NUJ589864:NUJ589888 NKN589864:NKN589888 NAR589864:NAR589888 MQV589864:MQV589888 MGZ589864:MGZ589888 LXD589864:LXD589888 LNH589864:LNH589888 LDL589864:LDL589888 KTP589864:KTP589888 KJT589864:KJT589888 JZX589864:JZX589888 JQB589864:JQB589888 JGF589864:JGF589888 IWJ589864:IWJ589888 IMN589864:IMN589888 ICR589864:ICR589888 HSV589864:HSV589888 HIZ589864:HIZ589888 GZD589864:GZD589888 GPH589864:GPH589888 GFL589864:GFL589888 FVP589864:FVP589888 FLT589864:FLT589888 FBX589864:FBX589888 ESB589864:ESB589888 EIF589864:EIF589888 DYJ589864:DYJ589888 DON589864:DON589888 DER589864:DER589888 CUV589864:CUV589888 CKZ589864:CKZ589888 CBD589864:CBD589888 BRH589864:BRH589888 BHL589864:BHL589888 AXP589864:AXP589888 ANT589864:ANT589888 ADX589864:ADX589888 UB589864:UB589888 KF589864:KF589888 AD589864:AF589888 WWR524328:WWR524352 WMV524328:WMV524352 WCZ524328:WCZ524352 VTD524328:VTD524352 VJH524328:VJH524352 UZL524328:UZL524352 UPP524328:UPP524352 UFT524328:UFT524352 TVX524328:TVX524352 TMB524328:TMB524352 TCF524328:TCF524352 SSJ524328:SSJ524352 SIN524328:SIN524352 RYR524328:RYR524352 ROV524328:ROV524352 REZ524328:REZ524352 QVD524328:QVD524352 QLH524328:QLH524352 QBL524328:QBL524352 PRP524328:PRP524352 PHT524328:PHT524352 OXX524328:OXX524352 OOB524328:OOB524352 OEF524328:OEF524352 NUJ524328:NUJ524352 NKN524328:NKN524352 NAR524328:NAR524352 MQV524328:MQV524352 MGZ524328:MGZ524352 LXD524328:LXD524352 LNH524328:LNH524352 LDL524328:LDL524352 KTP524328:KTP524352 KJT524328:KJT524352 JZX524328:JZX524352 JQB524328:JQB524352 JGF524328:JGF524352 IWJ524328:IWJ524352 IMN524328:IMN524352 ICR524328:ICR524352 HSV524328:HSV524352 HIZ524328:HIZ524352 GZD524328:GZD524352 GPH524328:GPH524352 GFL524328:GFL524352 FVP524328:FVP524352 FLT524328:FLT524352 FBX524328:FBX524352 ESB524328:ESB524352 EIF524328:EIF524352 DYJ524328:DYJ524352 DON524328:DON524352 DER524328:DER524352 CUV524328:CUV524352 CKZ524328:CKZ524352 CBD524328:CBD524352 BRH524328:BRH524352 BHL524328:BHL524352 AXP524328:AXP524352 ANT524328:ANT524352 ADX524328:ADX524352 UB524328:UB524352 KF524328:KF524352 AD524328:AF524352 WWR458792:WWR458816 WMV458792:WMV458816 WCZ458792:WCZ458816 VTD458792:VTD458816 VJH458792:VJH458816 UZL458792:UZL458816 UPP458792:UPP458816 UFT458792:UFT458816 TVX458792:TVX458816 TMB458792:TMB458816 TCF458792:TCF458816 SSJ458792:SSJ458816 SIN458792:SIN458816 RYR458792:RYR458816 ROV458792:ROV458816 REZ458792:REZ458816 QVD458792:QVD458816 QLH458792:QLH458816 QBL458792:QBL458816 PRP458792:PRP458816 PHT458792:PHT458816 OXX458792:OXX458816 OOB458792:OOB458816 OEF458792:OEF458816 NUJ458792:NUJ458816 NKN458792:NKN458816 NAR458792:NAR458816 MQV458792:MQV458816 MGZ458792:MGZ458816 LXD458792:LXD458816 LNH458792:LNH458816 LDL458792:LDL458816 KTP458792:KTP458816 KJT458792:KJT458816 JZX458792:JZX458816 JQB458792:JQB458816 JGF458792:JGF458816 IWJ458792:IWJ458816 IMN458792:IMN458816 ICR458792:ICR458816 HSV458792:HSV458816 HIZ458792:HIZ458816 GZD458792:GZD458816 GPH458792:GPH458816 GFL458792:GFL458816 FVP458792:FVP458816 FLT458792:FLT458816 FBX458792:FBX458816 ESB458792:ESB458816 EIF458792:EIF458816 DYJ458792:DYJ458816 DON458792:DON458816 DER458792:DER458816 CUV458792:CUV458816 CKZ458792:CKZ458816 CBD458792:CBD458816 BRH458792:BRH458816 BHL458792:BHL458816 AXP458792:AXP458816 ANT458792:ANT458816 ADX458792:ADX458816 UB458792:UB458816 KF458792:KF458816 AD458792:AF458816 WWR393256:WWR393280 WMV393256:WMV393280 WCZ393256:WCZ393280 VTD393256:VTD393280 VJH393256:VJH393280 UZL393256:UZL393280 UPP393256:UPP393280 UFT393256:UFT393280 TVX393256:TVX393280 TMB393256:TMB393280 TCF393256:TCF393280 SSJ393256:SSJ393280 SIN393256:SIN393280 RYR393256:RYR393280 ROV393256:ROV393280 REZ393256:REZ393280 QVD393256:QVD393280 QLH393256:QLH393280 QBL393256:QBL393280 PRP393256:PRP393280 PHT393256:PHT393280 OXX393256:OXX393280 OOB393256:OOB393280 OEF393256:OEF393280 NUJ393256:NUJ393280 NKN393256:NKN393280 NAR393256:NAR393280 MQV393256:MQV393280 MGZ393256:MGZ393280 LXD393256:LXD393280 LNH393256:LNH393280 LDL393256:LDL393280 KTP393256:KTP393280 KJT393256:KJT393280 JZX393256:JZX393280 JQB393256:JQB393280 JGF393256:JGF393280 IWJ393256:IWJ393280 IMN393256:IMN393280 ICR393256:ICR393280 HSV393256:HSV393280 HIZ393256:HIZ393280 GZD393256:GZD393280 GPH393256:GPH393280 GFL393256:GFL393280 FVP393256:FVP393280 FLT393256:FLT393280 FBX393256:FBX393280 ESB393256:ESB393280 EIF393256:EIF393280 DYJ393256:DYJ393280 DON393256:DON393280 DER393256:DER393280 CUV393256:CUV393280 CKZ393256:CKZ393280 CBD393256:CBD393280 BRH393256:BRH393280 BHL393256:BHL393280 AXP393256:AXP393280 ANT393256:ANT393280 ADX393256:ADX393280 UB393256:UB393280 KF393256:KF393280 AD393256:AF393280 WWR327720:WWR327744 WMV327720:WMV327744 WCZ327720:WCZ327744 VTD327720:VTD327744 VJH327720:VJH327744 UZL327720:UZL327744 UPP327720:UPP327744 UFT327720:UFT327744 TVX327720:TVX327744 TMB327720:TMB327744 TCF327720:TCF327744 SSJ327720:SSJ327744 SIN327720:SIN327744 RYR327720:RYR327744 ROV327720:ROV327744 REZ327720:REZ327744 QVD327720:QVD327744 QLH327720:QLH327744 QBL327720:QBL327744 PRP327720:PRP327744 PHT327720:PHT327744 OXX327720:OXX327744 OOB327720:OOB327744 OEF327720:OEF327744 NUJ327720:NUJ327744 NKN327720:NKN327744 NAR327720:NAR327744 MQV327720:MQV327744 MGZ327720:MGZ327744 LXD327720:LXD327744 LNH327720:LNH327744 LDL327720:LDL327744 KTP327720:KTP327744 KJT327720:KJT327744 JZX327720:JZX327744 JQB327720:JQB327744 JGF327720:JGF327744 IWJ327720:IWJ327744 IMN327720:IMN327744 ICR327720:ICR327744 HSV327720:HSV327744 HIZ327720:HIZ327744 GZD327720:GZD327744 GPH327720:GPH327744 GFL327720:GFL327744 FVP327720:FVP327744 FLT327720:FLT327744 FBX327720:FBX327744 ESB327720:ESB327744 EIF327720:EIF327744 DYJ327720:DYJ327744 DON327720:DON327744 DER327720:DER327744 CUV327720:CUV327744 CKZ327720:CKZ327744 CBD327720:CBD327744 BRH327720:BRH327744 BHL327720:BHL327744 AXP327720:AXP327744 ANT327720:ANT327744 ADX327720:ADX327744 UB327720:UB327744 KF327720:KF327744 AD327720:AF327744 WWR262184:WWR262208 WMV262184:WMV262208 WCZ262184:WCZ262208 VTD262184:VTD262208 VJH262184:VJH262208 UZL262184:UZL262208 UPP262184:UPP262208 UFT262184:UFT262208 TVX262184:TVX262208 TMB262184:TMB262208 TCF262184:TCF262208 SSJ262184:SSJ262208 SIN262184:SIN262208 RYR262184:RYR262208 ROV262184:ROV262208 REZ262184:REZ262208 QVD262184:QVD262208 QLH262184:QLH262208 QBL262184:QBL262208 PRP262184:PRP262208 PHT262184:PHT262208 OXX262184:OXX262208 OOB262184:OOB262208 OEF262184:OEF262208 NUJ262184:NUJ262208 NKN262184:NKN262208 NAR262184:NAR262208 MQV262184:MQV262208 MGZ262184:MGZ262208 LXD262184:LXD262208 LNH262184:LNH262208 LDL262184:LDL262208 KTP262184:KTP262208 KJT262184:KJT262208 JZX262184:JZX262208 JQB262184:JQB262208 JGF262184:JGF262208 IWJ262184:IWJ262208 IMN262184:IMN262208 ICR262184:ICR262208 HSV262184:HSV262208 HIZ262184:HIZ262208 GZD262184:GZD262208 GPH262184:GPH262208 GFL262184:GFL262208 FVP262184:FVP262208 FLT262184:FLT262208 FBX262184:FBX262208 ESB262184:ESB262208 EIF262184:EIF262208 DYJ262184:DYJ262208 DON262184:DON262208 DER262184:DER262208 CUV262184:CUV262208 CKZ262184:CKZ262208 CBD262184:CBD262208 BRH262184:BRH262208 BHL262184:BHL262208 AXP262184:AXP262208 ANT262184:ANT262208 ADX262184:ADX262208 UB262184:UB262208 KF262184:KF262208 AD262184:AF262208 WWR196648:WWR196672 WMV196648:WMV196672 WCZ196648:WCZ196672 VTD196648:VTD196672 VJH196648:VJH196672 UZL196648:UZL196672 UPP196648:UPP196672 UFT196648:UFT196672 TVX196648:TVX196672 TMB196648:TMB196672 TCF196648:TCF196672 SSJ196648:SSJ196672 SIN196648:SIN196672 RYR196648:RYR196672 ROV196648:ROV196672 REZ196648:REZ196672 QVD196648:QVD196672 QLH196648:QLH196672 QBL196648:QBL196672 PRP196648:PRP196672 PHT196648:PHT196672 OXX196648:OXX196672 OOB196648:OOB196672 OEF196648:OEF196672 NUJ196648:NUJ196672 NKN196648:NKN196672 NAR196648:NAR196672 MQV196648:MQV196672 MGZ196648:MGZ196672 LXD196648:LXD196672 LNH196648:LNH196672 LDL196648:LDL196672 KTP196648:KTP196672 KJT196648:KJT196672 JZX196648:JZX196672 JQB196648:JQB196672 JGF196648:JGF196672 IWJ196648:IWJ196672 IMN196648:IMN196672 ICR196648:ICR196672 HSV196648:HSV196672 HIZ196648:HIZ196672 GZD196648:GZD196672 GPH196648:GPH196672 GFL196648:GFL196672 FVP196648:FVP196672 FLT196648:FLT196672 FBX196648:FBX196672 ESB196648:ESB196672 EIF196648:EIF196672 DYJ196648:DYJ196672 DON196648:DON196672 DER196648:DER196672 CUV196648:CUV196672 CKZ196648:CKZ196672 CBD196648:CBD196672 BRH196648:BRH196672 BHL196648:BHL196672 AXP196648:AXP196672 ANT196648:ANT196672 ADX196648:ADX196672 UB196648:UB196672 KF196648:KF196672 AD196648:AF196672 WWR131112:WWR131136 WMV131112:WMV131136 WCZ131112:WCZ131136 VTD131112:VTD131136 VJH131112:VJH131136 UZL131112:UZL131136 UPP131112:UPP131136 UFT131112:UFT131136 TVX131112:TVX131136 TMB131112:TMB131136 TCF131112:TCF131136 SSJ131112:SSJ131136 SIN131112:SIN131136 RYR131112:RYR131136 ROV131112:ROV131136 REZ131112:REZ131136 QVD131112:QVD131136 QLH131112:QLH131136 QBL131112:QBL131136 PRP131112:PRP131136 PHT131112:PHT131136 OXX131112:OXX131136 OOB131112:OOB131136 OEF131112:OEF131136 NUJ131112:NUJ131136 NKN131112:NKN131136 NAR131112:NAR131136 MQV131112:MQV131136 MGZ131112:MGZ131136 LXD131112:LXD131136 LNH131112:LNH131136 LDL131112:LDL131136 KTP131112:KTP131136 KJT131112:KJT131136 JZX131112:JZX131136 JQB131112:JQB131136 JGF131112:JGF131136 IWJ131112:IWJ131136 IMN131112:IMN131136 ICR131112:ICR131136 HSV131112:HSV131136 HIZ131112:HIZ131136 GZD131112:GZD131136 GPH131112:GPH131136 GFL131112:GFL131136 FVP131112:FVP131136 FLT131112:FLT131136 FBX131112:FBX131136 ESB131112:ESB131136 EIF131112:EIF131136 DYJ131112:DYJ131136 DON131112:DON131136 DER131112:DER131136 CUV131112:CUV131136 CKZ131112:CKZ131136 CBD131112:CBD131136 BRH131112:BRH131136 BHL131112:BHL131136 AXP131112:AXP131136 ANT131112:ANT131136 ADX131112:ADX131136 UB131112:UB131136 KF131112:KF131136 AD131112:AF131136 WWR65576:WWR65600 WMV65576:WMV65600 WCZ65576:WCZ65600 VTD65576:VTD65600 VJH65576:VJH65600 UZL65576:UZL65600 UPP65576:UPP65600 UFT65576:UFT65600 TVX65576:TVX65600 TMB65576:TMB65600 TCF65576:TCF65600 SSJ65576:SSJ65600 SIN65576:SIN65600 RYR65576:RYR65600 ROV65576:ROV65600 REZ65576:REZ65600 QVD65576:QVD65600 QLH65576:QLH65600 QBL65576:QBL65600 PRP65576:PRP65600 PHT65576:PHT65600 OXX65576:OXX65600 OOB65576:OOB65600 OEF65576:OEF65600 NUJ65576:NUJ65600 NKN65576:NKN65600 NAR65576:NAR65600 MQV65576:MQV65600 MGZ65576:MGZ65600 LXD65576:LXD65600 LNH65576:LNH65600 LDL65576:LDL65600 KTP65576:KTP65600 KJT65576:KJT65600 JZX65576:JZX65600 JQB65576:JQB65600 JGF65576:JGF65600 IWJ65576:IWJ65600 IMN65576:IMN65600 ICR65576:ICR65600 HSV65576:HSV65600 HIZ65576:HIZ65600 GZD65576:GZD65600 GPH65576:GPH65600 GFL65576:GFL65600 FVP65576:FVP65600 FLT65576:FLT65600 FBX65576:FBX65600 ESB65576:ESB65600 EIF65576:EIF65600 DYJ65576:DYJ65600 DON65576:DON65600 DER65576:DER65600 CUV65576:CUV65600 CKZ65576:CKZ65600 CBD65576:CBD65600 BRH65576:BRH65600 BHL65576:BHL65600 AXP65576:AXP65600 ANT65576:ANT65600 ADX65576:ADX65600 UB65576:UB65600 KF65576:KF65600 AD65576:AF65600 WWR44:WWR68 WMV44:WMV68 WCZ44:WCZ68 VTD44:VTD68 VJH44:VJH68 UZL44:UZL68 UPP44:UPP68 UFT44:UFT68 TVX44:TVX68 TMB44:TMB68 TCF44:TCF68 SSJ44:SSJ68 SIN44:SIN68 RYR44:RYR68 ROV44:ROV68 REZ44:REZ68 QVD44:QVD68 QLH44:QLH68 QBL44:QBL68 PRP44:PRP68 PHT44:PHT68 OXX44:OXX68 OOB44:OOB68 OEF44:OEF68 NUJ44:NUJ68 NKN44:NKN68 NAR44:NAR68 MQV44:MQV68 MGZ44:MGZ68 LXD44:LXD68 LNH44:LNH68 LDL44:LDL68 KTP44:KTP68 KJT44:KJT68 JZX44:JZX68 JQB44:JQB68 JGF44:JGF68 IWJ44:IWJ68 IMN44:IMN68 ICR44:ICR68 HSV44:HSV68 HIZ44:HIZ68 GZD44:GZD68 GPH44:GPH68 GFL44:GFL68 FVP44:FVP68 FLT44:FLT68 FBX44:FBX68 ESB44:ESB68 EIF44:EIF68 DYJ44:DYJ68 DON44:DON68 DER44:DER68 CUV44:CUV68 CKZ44:CKZ68 CBD44:CBD68 BRH44:BRH68 BHL44:BHL68 AXP44:AXP68 ANT44:ANT68 ADX44:ADX68 UB44:UB68 KF44:KF68 WWR983077:WWR983078 WMV983077:WMV983078 WCZ983077:WCZ983078 VTD983077:VTD983078 VJH983077:VJH983078 UZL983077:UZL983078 UPP983077:UPP983078 UFT983077:UFT983078 TVX983077:TVX983078 TMB983077:TMB983078 TCF983077:TCF983078 SSJ983077:SSJ983078 SIN983077:SIN983078 RYR983077:RYR983078 ROV983077:ROV983078 REZ983077:REZ983078 QVD983077:QVD983078 QLH983077:QLH983078 QBL983077:QBL983078 PRP983077:PRP983078 PHT983077:PHT983078 OXX983077:OXX983078 OOB983077:OOB983078 OEF983077:OEF983078 NUJ983077:NUJ983078 NKN983077:NKN983078 NAR983077:NAR983078 MQV983077:MQV983078 MGZ983077:MGZ983078 LXD983077:LXD983078 LNH983077:LNH983078 LDL983077:LDL983078 KTP983077:KTP983078 KJT983077:KJT983078 JZX983077:JZX983078 JQB983077:JQB983078 JGF983077:JGF983078 IWJ983077:IWJ983078 IMN983077:IMN983078 ICR983077:ICR983078 HSV983077:HSV983078 HIZ983077:HIZ983078 GZD983077:GZD983078 GPH983077:GPH983078 GFL983077:GFL983078 FVP983077:FVP983078 FLT983077:FLT983078 FBX983077:FBX983078 ESB983077:ESB983078 EIF983077:EIF983078 DYJ983077:DYJ983078 DON983077:DON983078 DER983077:DER983078 CUV983077:CUV983078 CKZ983077:CKZ983078 CBD983077:CBD983078 BRH983077:BRH983078 BHL983077:BHL983078 AXP983077:AXP983078 ANT983077:ANT983078 ADX983077:ADX983078 UB983077:UB983078 KF983077:KF983078 AD983077:AF983078 WWR917541:WWR917542 WMV917541:WMV917542 WCZ917541:WCZ917542 VTD917541:VTD917542 VJH917541:VJH917542 UZL917541:UZL917542 UPP917541:UPP917542 UFT917541:UFT917542 TVX917541:TVX917542 TMB917541:TMB917542 TCF917541:TCF917542 SSJ917541:SSJ917542 SIN917541:SIN917542 RYR917541:RYR917542 ROV917541:ROV917542 REZ917541:REZ917542 QVD917541:QVD917542 QLH917541:QLH917542 QBL917541:QBL917542 PRP917541:PRP917542 PHT917541:PHT917542 OXX917541:OXX917542 OOB917541:OOB917542 OEF917541:OEF917542 NUJ917541:NUJ917542 NKN917541:NKN917542 NAR917541:NAR917542 MQV917541:MQV917542 MGZ917541:MGZ917542 LXD917541:LXD917542 LNH917541:LNH917542 LDL917541:LDL917542 KTP917541:KTP917542 KJT917541:KJT917542 JZX917541:JZX917542 JQB917541:JQB917542 JGF917541:JGF917542 IWJ917541:IWJ917542 IMN917541:IMN917542 ICR917541:ICR917542 HSV917541:HSV917542 HIZ917541:HIZ917542 GZD917541:GZD917542 GPH917541:GPH917542 GFL917541:GFL917542 FVP917541:FVP917542 FLT917541:FLT917542 FBX917541:FBX917542 ESB917541:ESB917542 EIF917541:EIF917542 DYJ917541:DYJ917542 DON917541:DON917542 DER917541:DER917542 CUV917541:CUV917542 CKZ917541:CKZ917542 CBD917541:CBD917542 BRH917541:BRH917542 BHL917541:BHL917542 AXP917541:AXP917542 ANT917541:ANT917542 ADX917541:ADX917542 UB917541:UB917542 KF917541:KF917542 AD917541:AF917542 WWR852005:WWR852006 WMV852005:WMV852006 WCZ852005:WCZ852006 VTD852005:VTD852006 VJH852005:VJH852006 UZL852005:UZL852006 UPP852005:UPP852006 UFT852005:UFT852006 TVX852005:TVX852006 TMB852005:TMB852006 TCF852005:TCF852006 SSJ852005:SSJ852006 SIN852005:SIN852006 RYR852005:RYR852006 ROV852005:ROV852006 REZ852005:REZ852006 QVD852005:QVD852006 QLH852005:QLH852006 QBL852005:QBL852006 PRP852005:PRP852006 PHT852005:PHT852006 OXX852005:OXX852006 OOB852005:OOB852006 OEF852005:OEF852006 NUJ852005:NUJ852006 NKN852005:NKN852006 NAR852005:NAR852006 MQV852005:MQV852006 MGZ852005:MGZ852006 LXD852005:LXD852006 LNH852005:LNH852006 LDL852005:LDL852006 KTP852005:KTP852006 KJT852005:KJT852006 JZX852005:JZX852006 JQB852005:JQB852006 JGF852005:JGF852006 IWJ852005:IWJ852006 IMN852005:IMN852006 ICR852005:ICR852006 HSV852005:HSV852006 HIZ852005:HIZ852006 GZD852005:GZD852006 GPH852005:GPH852006 GFL852005:GFL852006 FVP852005:FVP852006 FLT852005:FLT852006 FBX852005:FBX852006 ESB852005:ESB852006 EIF852005:EIF852006 DYJ852005:DYJ852006 DON852005:DON852006 DER852005:DER852006 CUV852005:CUV852006 CKZ852005:CKZ852006 CBD852005:CBD852006 BRH852005:BRH852006 BHL852005:BHL852006 AXP852005:AXP852006 ANT852005:ANT852006 ADX852005:ADX852006 UB852005:UB852006 KF852005:KF852006 AD852005:AF852006 WWR786469:WWR786470 WMV786469:WMV786470 WCZ786469:WCZ786470 VTD786469:VTD786470 VJH786469:VJH786470 UZL786469:UZL786470 UPP786469:UPP786470 UFT786469:UFT786470 TVX786469:TVX786470 TMB786469:TMB786470 TCF786469:TCF786470 SSJ786469:SSJ786470 SIN786469:SIN786470 RYR786469:RYR786470 ROV786469:ROV786470 REZ786469:REZ786470 QVD786469:QVD786470 QLH786469:QLH786470 QBL786469:QBL786470 PRP786469:PRP786470 PHT786469:PHT786470 OXX786469:OXX786470 OOB786469:OOB786470 OEF786469:OEF786470 NUJ786469:NUJ786470 NKN786469:NKN786470 NAR786469:NAR786470 MQV786469:MQV786470 MGZ786469:MGZ786470 LXD786469:LXD786470 LNH786469:LNH786470 LDL786469:LDL786470 KTP786469:KTP786470 KJT786469:KJT786470 JZX786469:JZX786470 JQB786469:JQB786470 JGF786469:JGF786470 IWJ786469:IWJ786470 IMN786469:IMN786470 ICR786469:ICR786470 HSV786469:HSV786470 HIZ786469:HIZ786470 GZD786469:GZD786470 GPH786469:GPH786470 GFL786469:GFL786470 FVP786469:FVP786470 FLT786469:FLT786470 FBX786469:FBX786470 ESB786469:ESB786470 EIF786469:EIF786470 DYJ786469:DYJ786470 DON786469:DON786470 DER786469:DER786470 CUV786469:CUV786470 CKZ786469:CKZ786470 CBD786469:CBD786470 BRH786469:BRH786470 BHL786469:BHL786470 AXP786469:AXP786470 ANT786469:ANT786470 ADX786469:ADX786470 UB786469:UB786470 KF786469:KF786470 AD786469:AF786470 WWR720933:WWR720934 WMV720933:WMV720934 WCZ720933:WCZ720934 VTD720933:VTD720934 VJH720933:VJH720934 UZL720933:UZL720934 UPP720933:UPP720934 UFT720933:UFT720934 TVX720933:TVX720934 TMB720933:TMB720934 TCF720933:TCF720934 SSJ720933:SSJ720934 SIN720933:SIN720934 RYR720933:RYR720934 ROV720933:ROV720934 REZ720933:REZ720934 QVD720933:QVD720934 QLH720933:QLH720934 QBL720933:QBL720934 PRP720933:PRP720934 PHT720933:PHT720934 OXX720933:OXX720934 OOB720933:OOB720934 OEF720933:OEF720934 NUJ720933:NUJ720934 NKN720933:NKN720934 NAR720933:NAR720934 MQV720933:MQV720934 MGZ720933:MGZ720934 LXD720933:LXD720934 LNH720933:LNH720934 LDL720933:LDL720934 KTP720933:KTP720934 KJT720933:KJT720934 JZX720933:JZX720934 JQB720933:JQB720934 JGF720933:JGF720934 IWJ720933:IWJ720934 IMN720933:IMN720934 ICR720933:ICR720934 HSV720933:HSV720934 HIZ720933:HIZ720934 GZD720933:GZD720934 GPH720933:GPH720934 GFL720933:GFL720934 FVP720933:FVP720934 FLT720933:FLT720934 FBX720933:FBX720934 ESB720933:ESB720934 EIF720933:EIF720934 DYJ720933:DYJ720934 DON720933:DON720934 DER720933:DER720934 CUV720933:CUV720934 CKZ720933:CKZ720934 CBD720933:CBD720934 BRH720933:BRH720934 BHL720933:BHL720934 AXP720933:AXP720934 ANT720933:ANT720934 ADX720933:ADX720934 UB720933:UB720934 KF720933:KF720934 AD720933:AF720934 WWR655397:WWR655398 WMV655397:WMV655398 WCZ655397:WCZ655398 VTD655397:VTD655398 VJH655397:VJH655398 UZL655397:UZL655398 UPP655397:UPP655398 UFT655397:UFT655398 TVX655397:TVX655398 TMB655397:TMB655398 TCF655397:TCF655398 SSJ655397:SSJ655398 SIN655397:SIN655398 RYR655397:RYR655398 ROV655397:ROV655398 REZ655397:REZ655398 QVD655397:QVD655398 QLH655397:QLH655398 QBL655397:QBL655398 PRP655397:PRP655398 PHT655397:PHT655398 OXX655397:OXX655398 OOB655397:OOB655398 OEF655397:OEF655398 NUJ655397:NUJ655398 NKN655397:NKN655398 NAR655397:NAR655398 MQV655397:MQV655398 MGZ655397:MGZ655398 LXD655397:LXD655398 LNH655397:LNH655398 LDL655397:LDL655398 KTP655397:KTP655398 KJT655397:KJT655398 JZX655397:JZX655398 JQB655397:JQB655398 JGF655397:JGF655398 IWJ655397:IWJ655398 IMN655397:IMN655398 ICR655397:ICR655398 HSV655397:HSV655398 HIZ655397:HIZ655398 GZD655397:GZD655398 GPH655397:GPH655398 GFL655397:GFL655398 FVP655397:FVP655398 FLT655397:FLT655398 FBX655397:FBX655398 ESB655397:ESB655398 EIF655397:EIF655398 DYJ655397:DYJ655398 DON655397:DON655398 DER655397:DER655398 CUV655397:CUV655398 CKZ655397:CKZ655398 CBD655397:CBD655398 BRH655397:BRH655398 BHL655397:BHL655398 AXP655397:AXP655398 ANT655397:ANT655398 ADX655397:ADX655398 UB655397:UB655398 KF655397:KF655398 AD655397:AF655398 WWR589861:WWR589862 WMV589861:WMV589862 WCZ589861:WCZ589862 VTD589861:VTD589862 VJH589861:VJH589862 UZL589861:UZL589862 UPP589861:UPP589862 UFT589861:UFT589862 TVX589861:TVX589862 TMB589861:TMB589862 TCF589861:TCF589862 SSJ589861:SSJ589862 SIN589861:SIN589862 RYR589861:RYR589862 ROV589861:ROV589862 REZ589861:REZ589862 QVD589861:QVD589862 QLH589861:QLH589862 QBL589861:QBL589862 PRP589861:PRP589862 PHT589861:PHT589862 OXX589861:OXX589862 OOB589861:OOB589862 OEF589861:OEF589862 NUJ589861:NUJ589862 NKN589861:NKN589862 NAR589861:NAR589862 MQV589861:MQV589862 MGZ589861:MGZ589862 LXD589861:LXD589862 LNH589861:LNH589862 LDL589861:LDL589862 KTP589861:KTP589862 KJT589861:KJT589862 JZX589861:JZX589862 JQB589861:JQB589862 JGF589861:JGF589862 IWJ589861:IWJ589862 IMN589861:IMN589862 ICR589861:ICR589862 HSV589861:HSV589862 HIZ589861:HIZ589862 GZD589861:GZD589862 GPH589861:GPH589862 GFL589861:GFL589862 FVP589861:FVP589862 FLT589861:FLT589862 FBX589861:FBX589862 ESB589861:ESB589862 EIF589861:EIF589862 DYJ589861:DYJ589862 DON589861:DON589862 DER589861:DER589862 CUV589861:CUV589862 CKZ589861:CKZ589862 CBD589861:CBD589862 BRH589861:BRH589862 BHL589861:BHL589862 AXP589861:AXP589862 ANT589861:ANT589862 ADX589861:ADX589862 UB589861:UB589862 KF589861:KF589862 AD589861:AF589862 WWR524325:WWR524326 WMV524325:WMV524326 WCZ524325:WCZ524326 VTD524325:VTD524326 VJH524325:VJH524326 UZL524325:UZL524326 UPP524325:UPP524326 UFT524325:UFT524326 TVX524325:TVX524326 TMB524325:TMB524326 TCF524325:TCF524326 SSJ524325:SSJ524326 SIN524325:SIN524326 RYR524325:RYR524326 ROV524325:ROV524326 REZ524325:REZ524326 QVD524325:QVD524326 QLH524325:QLH524326 QBL524325:QBL524326 PRP524325:PRP524326 PHT524325:PHT524326 OXX524325:OXX524326 OOB524325:OOB524326 OEF524325:OEF524326 NUJ524325:NUJ524326 NKN524325:NKN524326 NAR524325:NAR524326 MQV524325:MQV524326 MGZ524325:MGZ524326 LXD524325:LXD524326 LNH524325:LNH524326 LDL524325:LDL524326 KTP524325:KTP524326 KJT524325:KJT524326 JZX524325:JZX524326 JQB524325:JQB524326 JGF524325:JGF524326 IWJ524325:IWJ524326 IMN524325:IMN524326 ICR524325:ICR524326 HSV524325:HSV524326 HIZ524325:HIZ524326 GZD524325:GZD524326 GPH524325:GPH524326 GFL524325:GFL524326 FVP524325:FVP524326 FLT524325:FLT524326 FBX524325:FBX524326 ESB524325:ESB524326 EIF524325:EIF524326 DYJ524325:DYJ524326 DON524325:DON524326 DER524325:DER524326 CUV524325:CUV524326 CKZ524325:CKZ524326 CBD524325:CBD524326 BRH524325:BRH524326 BHL524325:BHL524326 AXP524325:AXP524326 ANT524325:ANT524326 ADX524325:ADX524326 UB524325:UB524326 KF524325:KF524326 AD524325:AF524326 WWR458789:WWR458790 WMV458789:WMV458790 WCZ458789:WCZ458790 VTD458789:VTD458790 VJH458789:VJH458790 UZL458789:UZL458790 UPP458789:UPP458790 UFT458789:UFT458790 TVX458789:TVX458790 TMB458789:TMB458790 TCF458789:TCF458790 SSJ458789:SSJ458790 SIN458789:SIN458790 RYR458789:RYR458790 ROV458789:ROV458790 REZ458789:REZ458790 QVD458789:QVD458790 QLH458789:QLH458790 QBL458789:QBL458790 PRP458789:PRP458790 PHT458789:PHT458790 OXX458789:OXX458790 OOB458789:OOB458790 OEF458789:OEF458790 NUJ458789:NUJ458790 NKN458789:NKN458790 NAR458789:NAR458790 MQV458789:MQV458790 MGZ458789:MGZ458790 LXD458789:LXD458790 LNH458789:LNH458790 LDL458789:LDL458790 KTP458789:KTP458790 KJT458789:KJT458790 JZX458789:JZX458790 JQB458789:JQB458790 JGF458789:JGF458790 IWJ458789:IWJ458790 IMN458789:IMN458790 ICR458789:ICR458790 HSV458789:HSV458790 HIZ458789:HIZ458790 GZD458789:GZD458790 GPH458789:GPH458790 GFL458789:GFL458790 FVP458789:FVP458790 FLT458789:FLT458790 FBX458789:FBX458790 ESB458789:ESB458790 EIF458789:EIF458790 DYJ458789:DYJ458790 DON458789:DON458790 DER458789:DER458790 CUV458789:CUV458790 CKZ458789:CKZ458790 CBD458789:CBD458790 BRH458789:BRH458790 BHL458789:BHL458790 AXP458789:AXP458790 ANT458789:ANT458790 ADX458789:ADX458790 UB458789:UB458790 KF458789:KF458790 AD458789:AF458790 WWR393253:WWR393254 WMV393253:WMV393254 WCZ393253:WCZ393254 VTD393253:VTD393254 VJH393253:VJH393254 UZL393253:UZL393254 UPP393253:UPP393254 UFT393253:UFT393254 TVX393253:TVX393254 TMB393253:TMB393254 TCF393253:TCF393254 SSJ393253:SSJ393254 SIN393253:SIN393254 RYR393253:RYR393254 ROV393253:ROV393254 REZ393253:REZ393254 QVD393253:QVD393254 QLH393253:QLH393254 QBL393253:QBL393254 PRP393253:PRP393254 PHT393253:PHT393254 OXX393253:OXX393254 OOB393253:OOB393254 OEF393253:OEF393254 NUJ393253:NUJ393254 NKN393253:NKN393254 NAR393253:NAR393254 MQV393253:MQV393254 MGZ393253:MGZ393254 LXD393253:LXD393254 LNH393253:LNH393254 LDL393253:LDL393254 KTP393253:KTP393254 KJT393253:KJT393254 JZX393253:JZX393254 JQB393253:JQB393254 JGF393253:JGF393254 IWJ393253:IWJ393254 IMN393253:IMN393254 ICR393253:ICR393254 HSV393253:HSV393254 HIZ393253:HIZ393254 GZD393253:GZD393254 GPH393253:GPH393254 GFL393253:GFL393254 FVP393253:FVP393254 FLT393253:FLT393254 FBX393253:FBX393254 ESB393253:ESB393254 EIF393253:EIF393254 DYJ393253:DYJ393254 DON393253:DON393254 DER393253:DER393254 CUV393253:CUV393254 CKZ393253:CKZ393254 CBD393253:CBD393254 BRH393253:BRH393254 BHL393253:BHL393254 AXP393253:AXP393254 ANT393253:ANT393254 ADX393253:ADX393254 UB393253:UB393254 KF393253:KF393254 AD393253:AF393254 WWR327717:WWR327718 WMV327717:WMV327718 WCZ327717:WCZ327718 VTD327717:VTD327718 VJH327717:VJH327718 UZL327717:UZL327718 UPP327717:UPP327718 UFT327717:UFT327718 TVX327717:TVX327718 TMB327717:TMB327718 TCF327717:TCF327718 SSJ327717:SSJ327718 SIN327717:SIN327718 RYR327717:RYR327718 ROV327717:ROV327718 REZ327717:REZ327718 QVD327717:QVD327718 QLH327717:QLH327718 QBL327717:QBL327718 PRP327717:PRP327718 PHT327717:PHT327718 OXX327717:OXX327718 OOB327717:OOB327718 OEF327717:OEF327718 NUJ327717:NUJ327718 NKN327717:NKN327718 NAR327717:NAR327718 MQV327717:MQV327718 MGZ327717:MGZ327718 LXD327717:LXD327718 LNH327717:LNH327718 LDL327717:LDL327718 KTP327717:KTP327718 KJT327717:KJT327718 JZX327717:JZX327718 JQB327717:JQB327718 JGF327717:JGF327718 IWJ327717:IWJ327718 IMN327717:IMN327718 ICR327717:ICR327718 HSV327717:HSV327718 HIZ327717:HIZ327718 GZD327717:GZD327718 GPH327717:GPH327718 GFL327717:GFL327718 FVP327717:FVP327718 FLT327717:FLT327718 FBX327717:FBX327718 ESB327717:ESB327718 EIF327717:EIF327718 DYJ327717:DYJ327718 DON327717:DON327718 DER327717:DER327718 CUV327717:CUV327718 CKZ327717:CKZ327718 CBD327717:CBD327718 BRH327717:BRH327718 BHL327717:BHL327718 AXP327717:AXP327718 ANT327717:ANT327718 ADX327717:ADX327718 UB327717:UB327718 KF327717:KF327718 AD327717:AF327718 WWR262181:WWR262182 WMV262181:WMV262182 WCZ262181:WCZ262182 VTD262181:VTD262182 VJH262181:VJH262182 UZL262181:UZL262182 UPP262181:UPP262182 UFT262181:UFT262182 TVX262181:TVX262182 TMB262181:TMB262182 TCF262181:TCF262182 SSJ262181:SSJ262182 SIN262181:SIN262182 RYR262181:RYR262182 ROV262181:ROV262182 REZ262181:REZ262182 QVD262181:QVD262182 QLH262181:QLH262182 QBL262181:QBL262182 PRP262181:PRP262182 PHT262181:PHT262182 OXX262181:OXX262182 OOB262181:OOB262182 OEF262181:OEF262182 NUJ262181:NUJ262182 NKN262181:NKN262182 NAR262181:NAR262182 MQV262181:MQV262182 MGZ262181:MGZ262182 LXD262181:LXD262182 LNH262181:LNH262182 LDL262181:LDL262182 KTP262181:KTP262182 KJT262181:KJT262182 JZX262181:JZX262182 JQB262181:JQB262182 JGF262181:JGF262182 IWJ262181:IWJ262182 IMN262181:IMN262182 ICR262181:ICR262182 HSV262181:HSV262182 HIZ262181:HIZ262182 GZD262181:GZD262182 GPH262181:GPH262182 GFL262181:GFL262182 FVP262181:FVP262182 FLT262181:FLT262182 FBX262181:FBX262182 ESB262181:ESB262182 EIF262181:EIF262182 DYJ262181:DYJ262182 DON262181:DON262182 DER262181:DER262182 CUV262181:CUV262182 CKZ262181:CKZ262182 CBD262181:CBD262182 BRH262181:BRH262182 BHL262181:BHL262182 AXP262181:AXP262182 ANT262181:ANT262182 ADX262181:ADX262182 UB262181:UB262182 KF262181:KF262182 AD262181:AF262182 WWR196645:WWR196646 WMV196645:WMV196646 WCZ196645:WCZ196646 VTD196645:VTD196646 VJH196645:VJH196646 UZL196645:UZL196646 UPP196645:UPP196646 UFT196645:UFT196646 TVX196645:TVX196646 TMB196645:TMB196646 TCF196645:TCF196646 SSJ196645:SSJ196646 SIN196645:SIN196646 RYR196645:RYR196646 ROV196645:ROV196646 REZ196645:REZ196646 QVD196645:QVD196646 QLH196645:QLH196646 QBL196645:QBL196646 PRP196645:PRP196646 PHT196645:PHT196646 OXX196645:OXX196646 OOB196645:OOB196646 OEF196645:OEF196646 NUJ196645:NUJ196646 NKN196645:NKN196646 NAR196645:NAR196646 MQV196645:MQV196646 MGZ196645:MGZ196646 LXD196645:LXD196646 LNH196645:LNH196646 LDL196645:LDL196646 KTP196645:KTP196646 KJT196645:KJT196646 JZX196645:JZX196646 JQB196645:JQB196646 JGF196645:JGF196646 IWJ196645:IWJ196646 IMN196645:IMN196646 ICR196645:ICR196646 HSV196645:HSV196646 HIZ196645:HIZ196646 GZD196645:GZD196646 GPH196645:GPH196646 GFL196645:GFL196646 FVP196645:FVP196646 FLT196645:FLT196646 FBX196645:FBX196646 ESB196645:ESB196646 EIF196645:EIF196646 DYJ196645:DYJ196646 DON196645:DON196646 DER196645:DER196646 CUV196645:CUV196646 CKZ196645:CKZ196646 CBD196645:CBD196646 BRH196645:BRH196646 BHL196645:BHL196646 AXP196645:AXP196646 ANT196645:ANT196646 ADX196645:ADX196646 UB196645:UB196646 KF196645:KF196646 AD196645:AF196646 WWR131109:WWR131110 WMV131109:WMV131110 WCZ131109:WCZ131110 VTD131109:VTD131110 VJH131109:VJH131110 UZL131109:UZL131110 UPP131109:UPP131110 UFT131109:UFT131110 TVX131109:TVX131110 TMB131109:TMB131110 TCF131109:TCF131110 SSJ131109:SSJ131110 SIN131109:SIN131110 RYR131109:RYR131110 ROV131109:ROV131110 REZ131109:REZ131110 QVD131109:QVD131110 QLH131109:QLH131110 QBL131109:QBL131110 PRP131109:PRP131110 PHT131109:PHT131110 OXX131109:OXX131110 OOB131109:OOB131110 OEF131109:OEF131110 NUJ131109:NUJ131110 NKN131109:NKN131110 NAR131109:NAR131110 MQV131109:MQV131110 MGZ131109:MGZ131110 LXD131109:LXD131110 LNH131109:LNH131110 LDL131109:LDL131110 KTP131109:KTP131110 KJT131109:KJT131110 JZX131109:JZX131110 JQB131109:JQB131110 JGF131109:JGF131110 IWJ131109:IWJ131110 IMN131109:IMN131110 ICR131109:ICR131110 HSV131109:HSV131110 HIZ131109:HIZ131110 GZD131109:GZD131110 GPH131109:GPH131110 GFL131109:GFL131110 FVP131109:FVP131110 FLT131109:FLT131110 FBX131109:FBX131110 ESB131109:ESB131110 EIF131109:EIF131110 DYJ131109:DYJ131110 DON131109:DON131110 DER131109:DER131110 CUV131109:CUV131110 CKZ131109:CKZ131110 CBD131109:CBD131110 BRH131109:BRH131110 BHL131109:BHL131110 AXP131109:AXP131110 ANT131109:ANT131110 ADX131109:ADX131110 UB131109:UB131110 KF131109:KF131110 AD131109:AF131110 WWR65573:WWR65574 WMV65573:WMV65574 WCZ65573:WCZ65574 VTD65573:VTD65574 VJH65573:VJH65574 UZL65573:UZL65574 UPP65573:UPP65574 UFT65573:UFT65574 TVX65573:TVX65574 TMB65573:TMB65574 TCF65573:TCF65574 SSJ65573:SSJ65574 SIN65573:SIN65574 RYR65573:RYR65574 ROV65573:ROV65574 REZ65573:REZ65574 QVD65573:QVD65574 QLH65573:QLH65574 QBL65573:QBL65574 PRP65573:PRP65574 PHT65573:PHT65574 OXX65573:OXX65574 OOB65573:OOB65574 OEF65573:OEF65574 NUJ65573:NUJ65574 NKN65573:NKN65574 NAR65573:NAR65574 MQV65573:MQV65574 MGZ65573:MGZ65574 LXD65573:LXD65574 LNH65573:LNH65574 LDL65573:LDL65574 KTP65573:KTP65574 KJT65573:KJT65574 JZX65573:JZX65574 JQB65573:JQB65574 JGF65573:JGF65574 IWJ65573:IWJ65574 IMN65573:IMN65574 ICR65573:ICR65574 HSV65573:HSV65574 HIZ65573:HIZ65574 GZD65573:GZD65574 GPH65573:GPH65574 GFL65573:GFL65574 FVP65573:FVP65574 FLT65573:FLT65574 FBX65573:FBX65574 ESB65573:ESB65574 EIF65573:EIF65574 DYJ65573:DYJ65574 DON65573:DON65574 DER65573:DER65574 CUV65573:CUV65574 CKZ65573:CKZ65574 CBD65573:CBD65574 BRH65573:BRH65574 BHL65573:BHL65574 AXP65573:AXP65574 ANT65573:ANT65574 ADX65573:ADX65574 UB65573:UB65574 KF65573:KF65574 AD65573:AF65574 WWR41:WWR42 WMV41:WMV42 WCZ41:WCZ42 VTD41:VTD42 VJH41:VJH42 UZL41:UZL42 UPP41:UPP42 UFT41:UFT42 TVX41:TVX42 TMB41:TMB42 TCF41:TCF42 SSJ41:SSJ42 SIN41:SIN42 RYR41:RYR42 ROV41:ROV42 REZ41:REZ42 QVD41:QVD42 QLH41:QLH42 QBL41:QBL42 PRP41:PRP42 PHT41:PHT42 OXX41:OXX42 OOB41:OOB42 OEF41:OEF42 NUJ41:NUJ42 NKN41:NKN42 NAR41:NAR42 MQV41:MQV42 MGZ41:MGZ42 LXD41:LXD42 LNH41:LNH42 LDL41:LDL42 KTP41:KTP42 KJT41:KJT42 JZX41:JZX42 JQB41:JQB42 JGF41:JGF42 IWJ41:IWJ42 IMN41:IMN42 ICR41:ICR42 HSV41:HSV42 HIZ41:HIZ42 GZD41:GZD42 GPH41:GPH42 GFL41:GFL42 FVP41:FVP42 FLT41:FLT42 FBX41:FBX42 ESB41:ESB42 EIF41:EIF42 DYJ41:DYJ42 DON41:DON42 DER41:DER42 CUV41:CUV42 CKZ41:CKZ42 CBD41:CBD42 BRH41:BRH42 BHL41:BHL42 AXP41:AXP42 ANT41:ANT42 ADX41:ADX42 UB41:UB42 KF41:KF42 WWQ983077:WWQ983104 WMU983077:WMU983104 WCY983077:WCY983104 VTC983077:VTC983104 VJG983077:VJG983104 UZK983077:UZK983104 UPO983077:UPO983104 UFS983077:UFS983104 TVW983077:TVW983104 TMA983077:TMA983104 TCE983077:TCE983104 SSI983077:SSI983104 SIM983077:SIM983104 RYQ983077:RYQ983104 ROU983077:ROU983104 REY983077:REY983104 QVC983077:QVC983104 QLG983077:QLG983104 QBK983077:QBK983104 PRO983077:PRO983104 PHS983077:PHS983104 OXW983077:OXW983104 OOA983077:OOA983104 OEE983077:OEE983104 NUI983077:NUI983104 NKM983077:NKM983104 NAQ983077:NAQ983104 MQU983077:MQU983104 MGY983077:MGY983104 LXC983077:LXC983104 LNG983077:LNG983104 LDK983077:LDK983104 KTO983077:KTO983104 KJS983077:KJS983104 JZW983077:JZW983104 JQA983077:JQA983104 JGE983077:JGE983104 IWI983077:IWI983104 IMM983077:IMM983104 ICQ983077:ICQ983104 HSU983077:HSU983104 HIY983077:HIY983104 GZC983077:GZC983104 GPG983077:GPG983104 GFK983077:GFK983104 FVO983077:FVO983104 FLS983077:FLS983104 FBW983077:FBW983104 ESA983077:ESA983104 EIE983077:EIE983104 DYI983077:DYI983104 DOM983077:DOM983104 DEQ983077:DEQ983104 CUU983077:CUU983104 CKY983077:CKY983104 CBC983077:CBC983104 BRG983077:BRG983104 BHK983077:BHK983104 AXO983077:AXO983104 ANS983077:ANS983104 ADW983077:ADW983104 UA983077:UA983104 KE983077:KE983104 AC983077:AC983104 WWQ917541:WWQ917568 WMU917541:WMU917568 WCY917541:WCY917568 VTC917541:VTC917568 VJG917541:VJG917568 UZK917541:UZK917568 UPO917541:UPO917568 UFS917541:UFS917568 TVW917541:TVW917568 TMA917541:TMA917568 TCE917541:TCE917568 SSI917541:SSI917568 SIM917541:SIM917568 RYQ917541:RYQ917568 ROU917541:ROU917568 REY917541:REY917568 QVC917541:QVC917568 QLG917541:QLG917568 QBK917541:QBK917568 PRO917541:PRO917568 PHS917541:PHS917568 OXW917541:OXW917568 OOA917541:OOA917568 OEE917541:OEE917568 NUI917541:NUI917568 NKM917541:NKM917568 NAQ917541:NAQ917568 MQU917541:MQU917568 MGY917541:MGY917568 LXC917541:LXC917568 LNG917541:LNG917568 LDK917541:LDK917568 KTO917541:KTO917568 KJS917541:KJS917568 JZW917541:JZW917568 JQA917541:JQA917568 JGE917541:JGE917568 IWI917541:IWI917568 IMM917541:IMM917568 ICQ917541:ICQ917568 HSU917541:HSU917568 HIY917541:HIY917568 GZC917541:GZC917568 GPG917541:GPG917568 GFK917541:GFK917568 FVO917541:FVO917568 FLS917541:FLS917568 FBW917541:FBW917568 ESA917541:ESA917568 EIE917541:EIE917568 DYI917541:DYI917568 DOM917541:DOM917568 DEQ917541:DEQ917568 CUU917541:CUU917568 CKY917541:CKY917568 CBC917541:CBC917568 BRG917541:BRG917568 BHK917541:BHK917568 AXO917541:AXO917568 ANS917541:ANS917568 ADW917541:ADW917568 UA917541:UA917568 KE917541:KE917568 AC917541:AC917568 WWQ852005:WWQ852032 WMU852005:WMU852032 WCY852005:WCY852032 VTC852005:VTC852032 VJG852005:VJG852032 UZK852005:UZK852032 UPO852005:UPO852032 UFS852005:UFS852032 TVW852005:TVW852032 TMA852005:TMA852032 TCE852005:TCE852032 SSI852005:SSI852032 SIM852005:SIM852032 RYQ852005:RYQ852032 ROU852005:ROU852032 REY852005:REY852032 QVC852005:QVC852032 QLG852005:QLG852032 QBK852005:QBK852032 PRO852005:PRO852032 PHS852005:PHS852032 OXW852005:OXW852032 OOA852005:OOA852032 OEE852005:OEE852032 NUI852005:NUI852032 NKM852005:NKM852032 NAQ852005:NAQ852032 MQU852005:MQU852032 MGY852005:MGY852032 LXC852005:LXC852032 LNG852005:LNG852032 LDK852005:LDK852032 KTO852005:KTO852032 KJS852005:KJS852032 JZW852005:JZW852032 JQA852005:JQA852032 JGE852005:JGE852032 IWI852005:IWI852032 IMM852005:IMM852032 ICQ852005:ICQ852032 HSU852005:HSU852032 HIY852005:HIY852032 GZC852005:GZC852032 GPG852005:GPG852032 GFK852005:GFK852032 FVO852005:FVO852032 FLS852005:FLS852032 FBW852005:FBW852032 ESA852005:ESA852032 EIE852005:EIE852032 DYI852005:DYI852032 DOM852005:DOM852032 DEQ852005:DEQ852032 CUU852005:CUU852032 CKY852005:CKY852032 CBC852005:CBC852032 BRG852005:BRG852032 BHK852005:BHK852032 AXO852005:AXO852032 ANS852005:ANS852032 ADW852005:ADW852032 UA852005:UA852032 KE852005:KE852032 AC852005:AC852032 WWQ786469:WWQ786496 WMU786469:WMU786496 WCY786469:WCY786496 VTC786469:VTC786496 VJG786469:VJG786496 UZK786469:UZK786496 UPO786469:UPO786496 UFS786469:UFS786496 TVW786469:TVW786496 TMA786469:TMA786496 TCE786469:TCE786496 SSI786469:SSI786496 SIM786469:SIM786496 RYQ786469:RYQ786496 ROU786469:ROU786496 REY786469:REY786496 QVC786469:QVC786496 QLG786469:QLG786496 QBK786469:QBK786496 PRO786469:PRO786496 PHS786469:PHS786496 OXW786469:OXW786496 OOA786469:OOA786496 OEE786469:OEE786496 NUI786469:NUI786496 NKM786469:NKM786496 NAQ786469:NAQ786496 MQU786469:MQU786496 MGY786469:MGY786496 LXC786469:LXC786496 LNG786469:LNG786496 LDK786469:LDK786496 KTO786469:KTO786496 KJS786469:KJS786496 JZW786469:JZW786496 JQA786469:JQA786496 JGE786469:JGE786496 IWI786469:IWI786496 IMM786469:IMM786496 ICQ786469:ICQ786496 HSU786469:HSU786496 HIY786469:HIY786496 GZC786469:GZC786496 GPG786469:GPG786496 GFK786469:GFK786496 FVO786469:FVO786496 FLS786469:FLS786496 FBW786469:FBW786496 ESA786469:ESA786496 EIE786469:EIE786496 DYI786469:DYI786496 DOM786469:DOM786496 DEQ786469:DEQ786496 CUU786469:CUU786496 CKY786469:CKY786496 CBC786469:CBC786496 BRG786469:BRG786496 BHK786469:BHK786496 AXO786469:AXO786496 ANS786469:ANS786496 ADW786469:ADW786496 UA786469:UA786496 KE786469:KE786496 AC786469:AC786496 WWQ720933:WWQ720960 WMU720933:WMU720960 WCY720933:WCY720960 VTC720933:VTC720960 VJG720933:VJG720960 UZK720933:UZK720960 UPO720933:UPO720960 UFS720933:UFS720960 TVW720933:TVW720960 TMA720933:TMA720960 TCE720933:TCE720960 SSI720933:SSI720960 SIM720933:SIM720960 RYQ720933:RYQ720960 ROU720933:ROU720960 REY720933:REY720960 QVC720933:QVC720960 QLG720933:QLG720960 QBK720933:QBK720960 PRO720933:PRO720960 PHS720933:PHS720960 OXW720933:OXW720960 OOA720933:OOA720960 OEE720933:OEE720960 NUI720933:NUI720960 NKM720933:NKM720960 NAQ720933:NAQ720960 MQU720933:MQU720960 MGY720933:MGY720960 LXC720933:LXC720960 LNG720933:LNG720960 LDK720933:LDK720960 KTO720933:KTO720960 KJS720933:KJS720960 JZW720933:JZW720960 JQA720933:JQA720960 JGE720933:JGE720960 IWI720933:IWI720960 IMM720933:IMM720960 ICQ720933:ICQ720960 HSU720933:HSU720960 HIY720933:HIY720960 GZC720933:GZC720960 GPG720933:GPG720960 GFK720933:GFK720960 FVO720933:FVO720960 FLS720933:FLS720960 FBW720933:FBW720960 ESA720933:ESA720960 EIE720933:EIE720960 DYI720933:DYI720960 DOM720933:DOM720960 DEQ720933:DEQ720960 CUU720933:CUU720960 CKY720933:CKY720960 CBC720933:CBC720960 BRG720933:BRG720960 BHK720933:BHK720960 AXO720933:AXO720960 ANS720933:ANS720960 ADW720933:ADW720960 UA720933:UA720960 KE720933:KE720960 AC720933:AC720960 WWQ655397:WWQ655424 WMU655397:WMU655424 WCY655397:WCY655424 VTC655397:VTC655424 VJG655397:VJG655424 UZK655397:UZK655424 UPO655397:UPO655424 UFS655397:UFS655424 TVW655397:TVW655424 TMA655397:TMA655424 TCE655397:TCE655424 SSI655397:SSI655424 SIM655397:SIM655424 RYQ655397:RYQ655424 ROU655397:ROU655424 REY655397:REY655424 QVC655397:QVC655424 QLG655397:QLG655424 QBK655397:QBK655424 PRO655397:PRO655424 PHS655397:PHS655424 OXW655397:OXW655424 OOA655397:OOA655424 OEE655397:OEE655424 NUI655397:NUI655424 NKM655397:NKM655424 NAQ655397:NAQ655424 MQU655397:MQU655424 MGY655397:MGY655424 LXC655397:LXC655424 LNG655397:LNG655424 LDK655397:LDK655424 KTO655397:KTO655424 KJS655397:KJS655424 JZW655397:JZW655424 JQA655397:JQA655424 JGE655397:JGE655424 IWI655397:IWI655424 IMM655397:IMM655424 ICQ655397:ICQ655424 HSU655397:HSU655424 HIY655397:HIY655424 GZC655397:GZC655424 GPG655397:GPG655424 GFK655397:GFK655424 FVO655397:FVO655424 FLS655397:FLS655424 FBW655397:FBW655424 ESA655397:ESA655424 EIE655397:EIE655424 DYI655397:DYI655424 DOM655397:DOM655424 DEQ655397:DEQ655424 CUU655397:CUU655424 CKY655397:CKY655424 CBC655397:CBC655424 BRG655397:BRG655424 BHK655397:BHK655424 AXO655397:AXO655424 ANS655397:ANS655424 ADW655397:ADW655424 UA655397:UA655424 KE655397:KE655424 AC655397:AC655424 WWQ589861:WWQ589888 WMU589861:WMU589888 WCY589861:WCY589888 VTC589861:VTC589888 VJG589861:VJG589888 UZK589861:UZK589888 UPO589861:UPO589888 UFS589861:UFS589888 TVW589861:TVW589888 TMA589861:TMA589888 TCE589861:TCE589888 SSI589861:SSI589888 SIM589861:SIM589888 RYQ589861:RYQ589888 ROU589861:ROU589888 REY589861:REY589888 QVC589861:QVC589888 QLG589861:QLG589888 QBK589861:QBK589888 PRO589861:PRO589888 PHS589861:PHS589888 OXW589861:OXW589888 OOA589861:OOA589888 OEE589861:OEE589888 NUI589861:NUI589888 NKM589861:NKM589888 NAQ589861:NAQ589888 MQU589861:MQU589888 MGY589861:MGY589888 LXC589861:LXC589888 LNG589861:LNG589888 LDK589861:LDK589888 KTO589861:KTO589888 KJS589861:KJS589888 JZW589861:JZW589888 JQA589861:JQA589888 JGE589861:JGE589888 IWI589861:IWI589888 IMM589861:IMM589888 ICQ589861:ICQ589888 HSU589861:HSU589888 HIY589861:HIY589888 GZC589861:GZC589888 GPG589861:GPG589888 GFK589861:GFK589888 FVO589861:FVO589888 FLS589861:FLS589888 FBW589861:FBW589888 ESA589861:ESA589888 EIE589861:EIE589888 DYI589861:DYI589888 DOM589861:DOM589888 DEQ589861:DEQ589888 CUU589861:CUU589888 CKY589861:CKY589888 CBC589861:CBC589888 BRG589861:BRG589888 BHK589861:BHK589888 AXO589861:AXO589888 ANS589861:ANS589888 ADW589861:ADW589888 UA589861:UA589888 KE589861:KE589888 AC589861:AC589888 WWQ524325:WWQ524352 WMU524325:WMU524352 WCY524325:WCY524352 VTC524325:VTC524352 VJG524325:VJG524352 UZK524325:UZK524352 UPO524325:UPO524352 UFS524325:UFS524352 TVW524325:TVW524352 TMA524325:TMA524352 TCE524325:TCE524352 SSI524325:SSI524352 SIM524325:SIM524352 RYQ524325:RYQ524352 ROU524325:ROU524352 REY524325:REY524352 QVC524325:QVC524352 QLG524325:QLG524352 QBK524325:QBK524352 PRO524325:PRO524352 PHS524325:PHS524352 OXW524325:OXW524352 OOA524325:OOA524352 OEE524325:OEE524352 NUI524325:NUI524352 NKM524325:NKM524352 NAQ524325:NAQ524352 MQU524325:MQU524352 MGY524325:MGY524352 LXC524325:LXC524352 LNG524325:LNG524352 LDK524325:LDK524352 KTO524325:KTO524352 KJS524325:KJS524352 JZW524325:JZW524352 JQA524325:JQA524352 JGE524325:JGE524352 IWI524325:IWI524352 IMM524325:IMM524352 ICQ524325:ICQ524352 HSU524325:HSU524352 HIY524325:HIY524352 GZC524325:GZC524352 GPG524325:GPG524352 GFK524325:GFK524352 FVO524325:FVO524352 FLS524325:FLS524352 FBW524325:FBW524352 ESA524325:ESA524352 EIE524325:EIE524352 DYI524325:DYI524352 DOM524325:DOM524352 DEQ524325:DEQ524352 CUU524325:CUU524352 CKY524325:CKY524352 CBC524325:CBC524352 BRG524325:BRG524352 BHK524325:BHK524352 AXO524325:AXO524352 ANS524325:ANS524352 ADW524325:ADW524352 UA524325:UA524352 KE524325:KE524352 AC524325:AC524352 WWQ458789:WWQ458816 WMU458789:WMU458816 WCY458789:WCY458816 VTC458789:VTC458816 VJG458789:VJG458816 UZK458789:UZK458816 UPO458789:UPO458816 UFS458789:UFS458816 TVW458789:TVW458816 TMA458789:TMA458816 TCE458789:TCE458816 SSI458789:SSI458816 SIM458789:SIM458816 RYQ458789:RYQ458816 ROU458789:ROU458816 REY458789:REY458816 QVC458789:QVC458816 QLG458789:QLG458816 QBK458789:QBK458816 PRO458789:PRO458816 PHS458789:PHS458816 OXW458789:OXW458816 OOA458789:OOA458816 OEE458789:OEE458816 NUI458789:NUI458816 NKM458789:NKM458816 NAQ458789:NAQ458816 MQU458789:MQU458816 MGY458789:MGY458816 LXC458789:LXC458816 LNG458789:LNG458816 LDK458789:LDK458816 KTO458789:KTO458816 KJS458789:KJS458816 JZW458789:JZW458816 JQA458789:JQA458816 JGE458789:JGE458816 IWI458789:IWI458816 IMM458789:IMM458816 ICQ458789:ICQ458816 HSU458789:HSU458816 HIY458789:HIY458816 GZC458789:GZC458816 GPG458789:GPG458816 GFK458789:GFK458816 FVO458789:FVO458816 FLS458789:FLS458816 FBW458789:FBW458816 ESA458789:ESA458816 EIE458789:EIE458816 DYI458789:DYI458816 DOM458789:DOM458816 DEQ458789:DEQ458816 CUU458789:CUU458816 CKY458789:CKY458816 CBC458789:CBC458816 BRG458789:BRG458816 BHK458789:BHK458816 AXO458789:AXO458816 ANS458789:ANS458816 ADW458789:ADW458816 UA458789:UA458816 KE458789:KE458816 AC458789:AC458816 WWQ393253:WWQ393280 WMU393253:WMU393280 WCY393253:WCY393280 VTC393253:VTC393280 VJG393253:VJG393280 UZK393253:UZK393280 UPO393253:UPO393280 UFS393253:UFS393280 TVW393253:TVW393280 TMA393253:TMA393280 TCE393253:TCE393280 SSI393253:SSI393280 SIM393253:SIM393280 RYQ393253:RYQ393280 ROU393253:ROU393280 REY393253:REY393280 QVC393253:QVC393280 QLG393253:QLG393280 QBK393253:QBK393280 PRO393253:PRO393280 PHS393253:PHS393280 OXW393253:OXW393280 OOA393253:OOA393280 OEE393253:OEE393280 NUI393253:NUI393280 NKM393253:NKM393280 NAQ393253:NAQ393280 MQU393253:MQU393280 MGY393253:MGY393280 LXC393253:LXC393280 LNG393253:LNG393280 LDK393253:LDK393280 KTO393253:KTO393280 KJS393253:KJS393280 JZW393253:JZW393280 JQA393253:JQA393280 JGE393253:JGE393280 IWI393253:IWI393280 IMM393253:IMM393280 ICQ393253:ICQ393280 HSU393253:HSU393280 HIY393253:HIY393280 GZC393253:GZC393280 GPG393253:GPG393280 GFK393253:GFK393280 FVO393253:FVO393280 FLS393253:FLS393280 FBW393253:FBW393280 ESA393253:ESA393280 EIE393253:EIE393280 DYI393253:DYI393280 DOM393253:DOM393280 DEQ393253:DEQ393280 CUU393253:CUU393280 CKY393253:CKY393280 CBC393253:CBC393280 BRG393253:BRG393280 BHK393253:BHK393280 AXO393253:AXO393280 ANS393253:ANS393280 ADW393253:ADW393280 UA393253:UA393280 KE393253:KE393280 AC393253:AC393280 WWQ327717:WWQ327744 WMU327717:WMU327744 WCY327717:WCY327744 VTC327717:VTC327744 VJG327717:VJG327744 UZK327717:UZK327744 UPO327717:UPO327744 UFS327717:UFS327744 TVW327717:TVW327744 TMA327717:TMA327744 TCE327717:TCE327744 SSI327717:SSI327744 SIM327717:SIM327744 RYQ327717:RYQ327744 ROU327717:ROU327744 REY327717:REY327744 QVC327717:QVC327744 QLG327717:QLG327744 QBK327717:QBK327744 PRO327717:PRO327744 PHS327717:PHS327744 OXW327717:OXW327744 OOA327717:OOA327744 OEE327717:OEE327744 NUI327717:NUI327744 NKM327717:NKM327744 NAQ327717:NAQ327744 MQU327717:MQU327744 MGY327717:MGY327744 LXC327717:LXC327744 LNG327717:LNG327744 LDK327717:LDK327744 KTO327717:KTO327744 KJS327717:KJS327744 JZW327717:JZW327744 JQA327717:JQA327744 JGE327717:JGE327744 IWI327717:IWI327744 IMM327717:IMM327744 ICQ327717:ICQ327744 HSU327717:HSU327744 HIY327717:HIY327744 GZC327717:GZC327744 GPG327717:GPG327744 GFK327717:GFK327744 FVO327717:FVO327744 FLS327717:FLS327744 FBW327717:FBW327744 ESA327717:ESA327744 EIE327717:EIE327744 DYI327717:DYI327744 DOM327717:DOM327744 DEQ327717:DEQ327744 CUU327717:CUU327744 CKY327717:CKY327744 CBC327717:CBC327744 BRG327717:BRG327744 BHK327717:BHK327744 AXO327717:AXO327744 ANS327717:ANS327744 ADW327717:ADW327744 UA327717:UA327744 KE327717:KE327744 AC327717:AC327744 WWQ262181:WWQ262208 WMU262181:WMU262208 WCY262181:WCY262208 VTC262181:VTC262208 VJG262181:VJG262208 UZK262181:UZK262208 UPO262181:UPO262208 UFS262181:UFS262208 TVW262181:TVW262208 TMA262181:TMA262208 TCE262181:TCE262208 SSI262181:SSI262208 SIM262181:SIM262208 RYQ262181:RYQ262208 ROU262181:ROU262208 REY262181:REY262208 QVC262181:QVC262208 QLG262181:QLG262208 QBK262181:QBK262208 PRO262181:PRO262208 PHS262181:PHS262208 OXW262181:OXW262208 OOA262181:OOA262208 OEE262181:OEE262208 NUI262181:NUI262208 NKM262181:NKM262208 NAQ262181:NAQ262208 MQU262181:MQU262208 MGY262181:MGY262208 LXC262181:LXC262208 LNG262181:LNG262208 LDK262181:LDK262208 KTO262181:KTO262208 KJS262181:KJS262208 JZW262181:JZW262208 JQA262181:JQA262208 JGE262181:JGE262208 IWI262181:IWI262208 IMM262181:IMM262208 ICQ262181:ICQ262208 HSU262181:HSU262208 HIY262181:HIY262208 GZC262181:GZC262208 GPG262181:GPG262208 GFK262181:GFK262208 FVO262181:FVO262208 FLS262181:FLS262208 FBW262181:FBW262208 ESA262181:ESA262208 EIE262181:EIE262208 DYI262181:DYI262208 DOM262181:DOM262208 DEQ262181:DEQ262208 CUU262181:CUU262208 CKY262181:CKY262208 CBC262181:CBC262208 BRG262181:BRG262208 BHK262181:BHK262208 AXO262181:AXO262208 ANS262181:ANS262208 ADW262181:ADW262208 UA262181:UA262208 KE262181:KE262208 AC262181:AC262208 WWQ196645:WWQ196672 WMU196645:WMU196672 WCY196645:WCY196672 VTC196645:VTC196672 VJG196645:VJG196672 UZK196645:UZK196672 UPO196645:UPO196672 UFS196645:UFS196672 TVW196645:TVW196672 TMA196645:TMA196672 TCE196645:TCE196672 SSI196645:SSI196672 SIM196645:SIM196672 RYQ196645:RYQ196672 ROU196645:ROU196672 REY196645:REY196672 QVC196645:QVC196672 QLG196645:QLG196672 QBK196645:QBK196672 PRO196645:PRO196672 PHS196645:PHS196672 OXW196645:OXW196672 OOA196645:OOA196672 OEE196645:OEE196672 NUI196645:NUI196672 NKM196645:NKM196672 NAQ196645:NAQ196672 MQU196645:MQU196672 MGY196645:MGY196672 LXC196645:LXC196672 LNG196645:LNG196672 LDK196645:LDK196672 KTO196645:KTO196672 KJS196645:KJS196672 JZW196645:JZW196672 JQA196645:JQA196672 JGE196645:JGE196672 IWI196645:IWI196672 IMM196645:IMM196672 ICQ196645:ICQ196672 HSU196645:HSU196672 HIY196645:HIY196672 GZC196645:GZC196672 GPG196645:GPG196672 GFK196645:GFK196672 FVO196645:FVO196672 FLS196645:FLS196672 FBW196645:FBW196672 ESA196645:ESA196672 EIE196645:EIE196672 DYI196645:DYI196672 DOM196645:DOM196672 DEQ196645:DEQ196672 CUU196645:CUU196672 CKY196645:CKY196672 CBC196645:CBC196672 BRG196645:BRG196672 BHK196645:BHK196672 AXO196645:AXO196672 ANS196645:ANS196672 ADW196645:ADW196672 UA196645:UA196672 KE196645:KE196672 AC196645:AC196672 WWQ131109:WWQ131136 WMU131109:WMU131136 WCY131109:WCY131136 VTC131109:VTC131136 VJG131109:VJG131136 UZK131109:UZK131136 UPO131109:UPO131136 UFS131109:UFS131136 TVW131109:TVW131136 TMA131109:TMA131136 TCE131109:TCE131136 SSI131109:SSI131136 SIM131109:SIM131136 RYQ131109:RYQ131136 ROU131109:ROU131136 REY131109:REY131136 QVC131109:QVC131136 QLG131109:QLG131136 QBK131109:QBK131136 PRO131109:PRO131136 PHS131109:PHS131136 OXW131109:OXW131136 OOA131109:OOA131136 OEE131109:OEE131136 NUI131109:NUI131136 NKM131109:NKM131136 NAQ131109:NAQ131136 MQU131109:MQU131136 MGY131109:MGY131136 LXC131109:LXC131136 LNG131109:LNG131136 LDK131109:LDK131136 KTO131109:KTO131136 KJS131109:KJS131136 JZW131109:JZW131136 JQA131109:JQA131136 JGE131109:JGE131136 IWI131109:IWI131136 IMM131109:IMM131136 ICQ131109:ICQ131136 HSU131109:HSU131136 HIY131109:HIY131136 GZC131109:GZC131136 GPG131109:GPG131136 GFK131109:GFK131136 FVO131109:FVO131136 FLS131109:FLS131136 FBW131109:FBW131136 ESA131109:ESA131136 EIE131109:EIE131136 DYI131109:DYI131136 DOM131109:DOM131136 DEQ131109:DEQ131136 CUU131109:CUU131136 CKY131109:CKY131136 CBC131109:CBC131136 BRG131109:BRG131136 BHK131109:BHK131136 AXO131109:AXO131136 ANS131109:ANS131136 ADW131109:ADW131136 UA131109:UA131136 KE131109:KE131136 AC131109:AC131136 WWQ65573:WWQ65600 WMU65573:WMU65600 WCY65573:WCY65600 VTC65573:VTC65600 VJG65573:VJG65600 UZK65573:UZK65600 UPO65573:UPO65600 UFS65573:UFS65600 TVW65573:TVW65600 TMA65573:TMA65600 TCE65573:TCE65600 SSI65573:SSI65600 SIM65573:SIM65600 RYQ65573:RYQ65600 ROU65573:ROU65600 REY65573:REY65600 QVC65573:QVC65600 QLG65573:QLG65600 QBK65573:QBK65600 PRO65573:PRO65600 PHS65573:PHS65600 OXW65573:OXW65600 OOA65573:OOA65600 OEE65573:OEE65600 NUI65573:NUI65600 NKM65573:NKM65600 NAQ65573:NAQ65600 MQU65573:MQU65600 MGY65573:MGY65600 LXC65573:LXC65600 LNG65573:LNG65600 LDK65573:LDK65600 KTO65573:KTO65600 KJS65573:KJS65600 JZW65573:JZW65600 JQA65573:JQA65600 JGE65573:JGE65600 IWI65573:IWI65600 IMM65573:IMM65600 ICQ65573:ICQ65600 HSU65573:HSU65600 HIY65573:HIY65600 GZC65573:GZC65600 GPG65573:GPG65600 GFK65573:GFK65600 FVO65573:FVO65600 FLS65573:FLS65600 FBW65573:FBW65600 ESA65573:ESA65600 EIE65573:EIE65600 DYI65573:DYI65600 DOM65573:DOM65600 DEQ65573:DEQ65600 CUU65573:CUU65600 CKY65573:CKY65600 CBC65573:CBC65600 BRG65573:BRG65600 BHK65573:BHK65600 AXO65573:AXO65600 ANS65573:ANS65600 ADW65573:ADW65600 UA65573:UA65600 KE65573:KE65600 AC65573:AC65600 WWQ41:WWQ68 WMU41:WMU68 WCY41:WCY68 VTC41:VTC68 VJG41:VJG68 UZK41:UZK68 UPO41:UPO68 UFS41:UFS68 TVW41:TVW68 TMA41:TMA68 TCE41:TCE68 SSI41:SSI68 SIM41:SIM68 RYQ41:RYQ68 ROU41:ROU68 REY41:REY68 QVC41:QVC68 QLG41:QLG68 QBK41:QBK68 PRO41:PRO68 PHS41:PHS68 OXW41:OXW68 OOA41:OOA68 OEE41:OEE68 NUI41:NUI68 NKM41:NKM68 NAQ41:NAQ68 MQU41:MQU68 MGY41:MGY68 LXC41:LXC68 LNG41:LNG68 LDK41:LDK68 KTO41:KTO68 KJS41:KJS68 JZW41:JZW68 JQA41:JQA68 JGE41:JGE68 IWI41:IWI68 IMM41:IMM68 ICQ41:ICQ68 HSU41:HSU68 HIY41:HIY68 GZC41:GZC68 GPG41:GPG68 GFK41:GFK68 FVO41:FVO68 FLS41:FLS68 FBW41:FBW68 ESA41:ESA68 EIE41:EIE68 DYI41:DYI68 DOM41:DOM68 DEQ41:DEQ68 CUU41:CUU68 CKY41:CKY68 CBC41:CBC68 BRG41:BRG68 BHK41:BHK68 AXO41:AXO68 ANS41:ANS68 ADW41:ADW68 UA41:UA68 KE41:KE68 WXH983077:WXN983104 WNL983077:WNR983104 WDP983077:WDV983104 VTT983077:VTZ983104 VJX983077:VKD983104 VAB983077:VAH983104 UQF983077:UQL983104 UGJ983077:UGP983104 TWN983077:TWT983104 TMR983077:TMX983104 TCV983077:TDB983104 SSZ983077:STF983104 SJD983077:SJJ983104 RZH983077:RZN983104 RPL983077:RPR983104 RFP983077:RFV983104 QVT983077:QVZ983104 QLX983077:QMD983104 QCB983077:QCH983104 PSF983077:PSL983104 PIJ983077:PIP983104 OYN983077:OYT983104 OOR983077:OOX983104 OEV983077:OFB983104 NUZ983077:NVF983104 NLD983077:NLJ983104 NBH983077:NBN983104 MRL983077:MRR983104 MHP983077:MHV983104 LXT983077:LXZ983104 LNX983077:LOD983104 LEB983077:LEH983104 KUF983077:KUL983104 KKJ983077:KKP983104 KAN983077:KAT983104 JQR983077:JQX983104 JGV983077:JHB983104 IWZ983077:IXF983104 IND983077:INJ983104 IDH983077:IDN983104 HTL983077:HTR983104 HJP983077:HJV983104 GZT983077:GZZ983104 GPX983077:GQD983104 GGB983077:GGH983104 FWF983077:FWL983104 FMJ983077:FMP983104 FCN983077:FCT983104 ESR983077:ESX983104 EIV983077:EJB983104 DYZ983077:DZF983104 DPD983077:DPJ983104 DFH983077:DFN983104 CVL983077:CVR983104 CLP983077:CLV983104 CBT983077:CBZ983104 BRX983077:BSD983104 BIB983077:BIH983104 AYF983077:AYL983104 AOJ983077:AOP983104 AEN983077:AET983104 UR983077:UX983104 KV983077:LB983104 AZ983077:BF983104 WXH917541:WXN917568 WNL917541:WNR917568 WDP917541:WDV917568 VTT917541:VTZ917568 VJX917541:VKD917568 VAB917541:VAH917568 UQF917541:UQL917568 UGJ917541:UGP917568 TWN917541:TWT917568 TMR917541:TMX917568 TCV917541:TDB917568 SSZ917541:STF917568 SJD917541:SJJ917568 RZH917541:RZN917568 RPL917541:RPR917568 RFP917541:RFV917568 QVT917541:QVZ917568 QLX917541:QMD917568 QCB917541:QCH917568 PSF917541:PSL917568 PIJ917541:PIP917568 OYN917541:OYT917568 OOR917541:OOX917568 OEV917541:OFB917568 NUZ917541:NVF917568 NLD917541:NLJ917568 NBH917541:NBN917568 MRL917541:MRR917568 MHP917541:MHV917568 LXT917541:LXZ917568 LNX917541:LOD917568 LEB917541:LEH917568 KUF917541:KUL917568 KKJ917541:KKP917568 KAN917541:KAT917568 JQR917541:JQX917568 JGV917541:JHB917568 IWZ917541:IXF917568 IND917541:INJ917568 IDH917541:IDN917568 HTL917541:HTR917568 HJP917541:HJV917568 GZT917541:GZZ917568 GPX917541:GQD917568 GGB917541:GGH917568 FWF917541:FWL917568 FMJ917541:FMP917568 FCN917541:FCT917568 ESR917541:ESX917568 EIV917541:EJB917568 DYZ917541:DZF917568 DPD917541:DPJ917568 DFH917541:DFN917568 CVL917541:CVR917568 CLP917541:CLV917568 CBT917541:CBZ917568 BRX917541:BSD917568 BIB917541:BIH917568 AYF917541:AYL917568 AOJ917541:AOP917568 AEN917541:AET917568 UR917541:UX917568 KV917541:LB917568 AZ917541:BF917568 WXH852005:WXN852032 WNL852005:WNR852032 WDP852005:WDV852032 VTT852005:VTZ852032 VJX852005:VKD852032 VAB852005:VAH852032 UQF852005:UQL852032 UGJ852005:UGP852032 TWN852005:TWT852032 TMR852005:TMX852032 TCV852005:TDB852032 SSZ852005:STF852032 SJD852005:SJJ852032 RZH852005:RZN852032 RPL852005:RPR852032 RFP852005:RFV852032 QVT852005:QVZ852032 QLX852005:QMD852032 QCB852005:QCH852032 PSF852005:PSL852032 PIJ852005:PIP852032 OYN852005:OYT852032 OOR852005:OOX852032 OEV852005:OFB852032 NUZ852005:NVF852032 NLD852005:NLJ852032 NBH852005:NBN852032 MRL852005:MRR852032 MHP852005:MHV852032 LXT852005:LXZ852032 LNX852005:LOD852032 LEB852005:LEH852032 KUF852005:KUL852032 KKJ852005:KKP852032 KAN852005:KAT852032 JQR852005:JQX852032 JGV852005:JHB852032 IWZ852005:IXF852032 IND852005:INJ852032 IDH852005:IDN852032 HTL852005:HTR852032 HJP852005:HJV852032 GZT852005:GZZ852032 GPX852005:GQD852032 GGB852005:GGH852032 FWF852005:FWL852032 FMJ852005:FMP852032 FCN852005:FCT852032 ESR852005:ESX852032 EIV852005:EJB852032 DYZ852005:DZF852032 DPD852005:DPJ852032 DFH852005:DFN852032 CVL852005:CVR852032 CLP852005:CLV852032 CBT852005:CBZ852032 BRX852005:BSD852032 BIB852005:BIH852032 AYF852005:AYL852032 AOJ852005:AOP852032 AEN852005:AET852032 UR852005:UX852032 KV852005:LB852032 AZ852005:BF852032 WXH786469:WXN786496 WNL786469:WNR786496 WDP786469:WDV786496 VTT786469:VTZ786496 VJX786469:VKD786496 VAB786469:VAH786496 UQF786469:UQL786496 UGJ786469:UGP786496 TWN786469:TWT786496 TMR786469:TMX786496 TCV786469:TDB786496 SSZ786469:STF786496 SJD786469:SJJ786496 RZH786469:RZN786496 RPL786469:RPR786496 RFP786469:RFV786496 QVT786469:QVZ786496 QLX786469:QMD786496 QCB786469:QCH786496 PSF786469:PSL786496 PIJ786469:PIP786496 OYN786469:OYT786496 OOR786469:OOX786496 OEV786469:OFB786496 NUZ786469:NVF786496 NLD786469:NLJ786496 NBH786469:NBN786496 MRL786469:MRR786496 MHP786469:MHV786496 LXT786469:LXZ786496 LNX786469:LOD786496 LEB786469:LEH786496 KUF786469:KUL786496 KKJ786469:KKP786496 KAN786469:KAT786496 JQR786469:JQX786496 JGV786469:JHB786496 IWZ786469:IXF786496 IND786469:INJ786496 IDH786469:IDN786496 HTL786469:HTR786496 HJP786469:HJV786496 GZT786469:GZZ786496 GPX786469:GQD786496 GGB786469:GGH786496 FWF786469:FWL786496 FMJ786469:FMP786496 FCN786469:FCT786496 ESR786469:ESX786496 EIV786469:EJB786496 DYZ786469:DZF786496 DPD786469:DPJ786496 DFH786469:DFN786496 CVL786469:CVR786496 CLP786469:CLV786496 CBT786469:CBZ786496 BRX786469:BSD786496 BIB786469:BIH786496 AYF786469:AYL786496 AOJ786469:AOP786496 AEN786469:AET786496 UR786469:UX786496 KV786469:LB786496 AZ786469:BF786496 WXH720933:WXN720960 WNL720933:WNR720960 WDP720933:WDV720960 VTT720933:VTZ720960 VJX720933:VKD720960 VAB720933:VAH720960 UQF720933:UQL720960 UGJ720933:UGP720960 TWN720933:TWT720960 TMR720933:TMX720960 TCV720933:TDB720960 SSZ720933:STF720960 SJD720933:SJJ720960 RZH720933:RZN720960 RPL720933:RPR720960 RFP720933:RFV720960 QVT720933:QVZ720960 QLX720933:QMD720960 QCB720933:QCH720960 PSF720933:PSL720960 PIJ720933:PIP720960 OYN720933:OYT720960 OOR720933:OOX720960 OEV720933:OFB720960 NUZ720933:NVF720960 NLD720933:NLJ720960 NBH720933:NBN720960 MRL720933:MRR720960 MHP720933:MHV720960 LXT720933:LXZ720960 LNX720933:LOD720960 LEB720933:LEH720960 KUF720933:KUL720960 KKJ720933:KKP720960 KAN720933:KAT720960 JQR720933:JQX720960 JGV720933:JHB720960 IWZ720933:IXF720960 IND720933:INJ720960 IDH720933:IDN720960 HTL720933:HTR720960 HJP720933:HJV720960 GZT720933:GZZ720960 GPX720933:GQD720960 GGB720933:GGH720960 FWF720933:FWL720960 FMJ720933:FMP720960 FCN720933:FCT720960 ESR720933:ESX720960 EIV720933:EJB720960 DYZ720933:DZF720960 DPD720933:DPJ720960 DFH720933:DFN720960 CVL720933:CVR720960 CLP720933:CLV720960 CBT720933:CBZ720960 BRX720933:BSD720960 BIB720933:BIH720960 AYF720933:AYL720960 AOJ720933:AOP720960 AEN720933:AET720960 UR720933:UX720960 KV720933:LB720960 AZ720933:BF720960 WXH655397:WXN655424 WNL655397:WNR655424 WDP655397:WDV655424 VTT655397:VTZ655424 VJX655397:VKD655424 VAB655397:VAH655424 UQF655397:UQL655424 UGJ655397:UGP655424 TWN655397:TWT655424 TMR655397:TMX655424 TCV655397:TDB655424 SSZ655397:STF655424 SJD655397:SJJ655424 RZH655397:RZN655424 RPL655397:RPR655424 RFP655397:RFV655424 QVT655397:QVZ655424 QLX655397:QMD655424 QCB655397:QCH655424 PSF655397:PSL655424 PIJ655397:PIP655424 OYN655397:OYT655424 OOR655397:OOX655424 OEV655397:OFB655424 NUZ655397:NVF655424 NLD655397:NLJ655424 NBH655397:NBN655424 MRL655397:MRR655424 MHP655397:MHV655424 LXT655397:LXZ655424 LNX655397:LOD655424 LEB655397:LEH655424 KUF655397:KUL655424 KKJ655397:KKP655424 KAN655397:KAT655424 JQR655397:JQX655424 JGV655397:JHB655424 IWZ655397:IXF655424 IND655397:INJ655424 IDH655397:IDN655424 HTL655397:HTR655424 HJP655397:HJV655424 GZT655397:GZZ655424 GPX655397:GQD655424 GGB655397:GGH655424 FWF655397:FWL655424 FMJ655397:FMP655424 FCN655397:FCT655424 ESR655397:ESX655424 EIV655397:EJB655424 DYZ655397:DZF655424 DPD655397:DPJ655424 DFH655397:DFN655424 CVL655397:CVR655424 CLP655397:CLV655424 CBT655397:CBZ655424 BRX655397:BSD655424 BIB655397:BIH655424 AYF655397:AYL655424 AOJ655397:AOP655424 AEN655397:AET655424 UR655397:UX655424 KV655397:LB655424 AZ655397:BF655424 WXH589861:WXN589888 WNL589861:WNR589888 WDP589861:WDV589888 VTT589861:VTZ589888 VJX589861:VKD589888 VAB589861:VAH589888 UQF589861:UQL589888 UGJ589861:UGP589888 TWN589861:TWT589888 TMR589861:TMX589888 TCV589861:TDB589888 SSZ589861:STF589888 SJD589861:SJJ589888 RZH589861:RZN589888 RPL589861:RPR589888 RFP589861:RFV589888 QVT589861:QVZ589888 QLX589861:QMD589888 QCB589861:QCH589888 PSF589861:PSL589888 PIJ589861:PIP589888 OYN589861:OYT589888 OOR589861:OOX589888 OEV589861:OFB589888 NUZ589861:NVF589888 NLD589861:NLJ589888 NBH589861:NBN589888 MRL589861:MRR589888 MHP589861:MHV589888 LXT589861:LXZ589888 LNX589861:LOD589888 LEB589861:LEH589888 KUF589861:KUL589888 KKJ589861:KKP589888 KAN589861:KAT589888 JQR589861:JQX589888 JGV589861:JHB589888 IWZ589861:IXF589888 IND589861:INJ589888 IDH589861:IDN589888 HTL589861:HTR589888 HJP589861:HJV589888 GZT589861:GZZ589888 GPX589861:GQD589888 GGB589861:GGH589888 FWF589861:FWL589888 FMJ589861:FMP589888 FCN589861:FCT589888 ESR589861:ESX589888 EIV589861:EJB589888 DYZ589861:DZF589888 DPD589861:DPJ589888 DFH589861:DFN589888 CVL589861:CVR589888 CLP589861:CLV589888 CBT589861:CBZ589888 BRX589861:BSD589888 BIB589861:BIH589888 AYF589861:AYL589888 AOJ589861:AOP589888 AEN589861:AET589888 UR589861:UX589888 KV589861:LB589888 AZ589861:BF589888 WXH524325:WXN524352 WNL524325:WNR524352 WDP524325:WDV524352 VTT524325:VTZ524352 VJX524325:VKD524352 VAB524325:VAH524352 UQF524325:UQL524352 UGJ524325:UGP524352 TWN524325:TWT524352 TMR524325:TMX524352 TCV524325:TDB524352 SSZ524325:STF524352 SJD524325:SJJ524352 RZH524325:RZN524352 RPL524325:RPR524352 RFP524325:RFV524352 QVT524325:QVZ524352 QLX524325:QMD524352 QCB524325:QCH524352 PSF524325:PSL524352 PIJ524325:PIP524352 OYN524325:OYT524352 OOR524325:OOX524352 OEV524325:OFB524352 NUZ524325:NVF524352 NLD524325:NLJ524352 NBH524325:NBN524352 MRL524325:MRR524352 MHP524325:MHV524352 LXT524325:LXZ524352 LNX524325:LOD524352 LEB524325:LEH524352 KUF524325:KUL524352 KKJ524325:KKP524352 KAN524325:KAT524352 JQR524325:JQX524352 JGV524325:JHB524352 IWZ524325:IXF524352 IND524325:INJ524352 IDH524325:IDN524352 HTL524325:HTR524352 HJP524325:HJV524352 GZT524325:GZZ524352 GPX524325:GQD524352 GGB524325:GGH524352 FWF524325:FWL524352 FMJ524325:FMP524352 FCN524325:FCT524352 ESR524325:ESX524352 EIV524325:EJB524352 DYZ524325:DZF524352 DPD524325:DPJ524352 DFH524325:DFN524352 CVL524325:CVR524352 CLP524325:CLV524352 CBT524325:CBZ524352 BRX524325:BSD524352 BIB524325:BIH524352 AYF524325:AYL524352 AOJ524325:AOP524352 AEN524325:AET524352 UR524325:UX524352 KV524325:LB524352 AZ524325:BF524352 WXH458789:WXN458816 WNL458789:WNR458816 WDP458789:WDV458816 VTT458789:VTZ458816 VJX458789:VKD458816 VAB458789:VAH458816 UQF458789:UQL458816 UGJ458789:UGP458816 TWN458789:TWT458816 TMR458789:TMX458816 TCV458789:TDB458816 SSZ458789:STF458816 SJD458789:SJJ458816 RZH458789:RZN458816 RPL458789:RPR458816 RFP458789:RFV458816 QVT458789:QVZ458816 QLX458789:QMD458816 QCB458789:QCH458816 PSF458789:PSL458816 PIJ458789:PIP458816 OYN458789:OYT458816 OOR458789:OOX458816 OEV458789:OFB458816 NUZ458789:NVF458816 NLD458789:NLJ458816 NBH458789:NBN458816 MRL458789:MRR458816 MHP458789:MHV458816 LXT458789:LXZ458816 LNX458789:LOD458816 LEB458789:LEH458816 KUF458789:KUL458816 KKJ458789:KKP458816 KAN458789:KAT458816 JQR458789:JQX458816 JGV458789:JHB458816 IWZ458789:IXF458816 IND458789:INJ458816 IDH458789:IDN458816 HTL458789:HTR458816 HJP458789:HJV458816 GZT458789:GZZ458816 GPX458789:GQD458816 GGB458789:GGH458816 FWF458789:FWL458816 FMJ458789:FMP458816 FCN458789:FCT458816 ESR458789:ESX458816 EIV458789:EJB458816 DYZ458789:DZF458816 DPD458789:DPJ458816 DFH458789:DFN458816 CVL458789:CVR458816 CLP458789:CLV458816 CBT458789:CBZ458816 BRX458789:BSD458816 BIB458789:BIH458816 AYF458789:AYL458816 AOJ458789:AOP458816 AEN458789:AET458816 UR458789:UX458816 KV458789:LB458816 AZ458789:BF458816 WXH393253:WXN393280 WNL393253:WNR393280 WDP393253:WDV393280 VTT393253:VTZ393280 VJX393253:VKD393280 VAB393253:VAH393280 UQF393253:UQL393280 UGJ393253:UGP393280 TWN393253:TWT393280 TMR393253:TMX393280 TCV393253:TDB393280 SSZ393253:STF393280 SJD393253:SJJ393280 RZH393253:RZN393280 RPL393253:RPR393280 RFP393253:RFV393280 QVT393253:QVZ393280 QLX393253:QMD393280 QCB393253:QCH393280 PSF393253:PSL393280 PIJ393253:PIP393280 OYN393253:OYT393280 OOR393253:OOX393280 OEV393253:OFB393280 NUZ393253:NVF393280 NLD393253:NLJ393280 NBH393253:NBN393280 MRL393253:MRR393280 MHP393253:MHV393280 LXT393253:LXZ393280 LNX393253:LOD393280 LEB393253:LEH393280 KUF393253:KUL393280 KKJ393253:KKP393280 KAN393253:KAT393280 JQR393253:JQX393280 JGV393253:JHB393280 IWZ393253:IXF393280 IND393253:INJ393280 IDH393253:IDN393280 HTL393253:HTR393280 HJP393253:HJV393280 GZT393253:GZZ393280 GPX393253:GQD393280 GGB393253:GGH393280 FWF393253:FWL393280 FMJ393253:FMP393280 FCN393253:FCT393280 ESR393253:ESX393280 EIV393253:EJB393280 DYZ393253:DZF393280 DPD393253:DPJ393280 DFH393253:DFN393280 CVL393253:CVR393280 CLP393253:CLV393280 CBT393253:CBZ393280 BRX393253:BSD393280 BIB393253:BIH393280 AYF393253:AYL393280 AOJ393253:AOP393280 AEN393253:AET393280 UR393253:UX393280 KV393253:LB393280 AZ393253:BF393280 WXH327717:WXN327744 WNL327717:WNR327744 WDP327717:WDV327744 VTT327717:VTZ327744 VJX327717:VKD327744 VAB327717:VAH327744 UQF327717:UQL327744 UGJ327717:UGP327744 TWN327717:TWT327744 TMR327717:TMX327744 TCV327717:TDB327744 SSZ327717:STF327744 SJD327717:SJJ327744 RZH327717:RZN327744 RPL327717:RPR327744 RFP327717:RFV327744 QVT327717:QVZ327744 QLX327717:QMD327744 QCB327717:QCH327744 PSF327717:PSL327744 PIJ327717:PIP327744 OYN327717:OYT327744 OOR327717:OOX327744 OEV327717:OFB327744 NUZ327717:NVF327744 NLD327717:NLJ327744 NBH327717:NBN327744 MRL327717:MRR327744 MHP327717:MHV327744 LXT327717:LXZ327744 LNX327717:LOD327744 LEB327717:LEH327744 KUF327717:KUL327744 KKJ327717:KKP327744 KAN327717:KAT327744 JQR327717:JQX327744 JGV327717:JHB327744 IWZ327717:IXF327744 IND327717:INJ327744 IDH327717:IDN327744 HTL327717:HTR327744 HJP327717:HJV327744 GZT327717:GZZ327744 GPX327717:GQD327744 GGB327717:GGH327744 FWF327717:FWL327744 FMJ327717:FMP327744 FCN327717:FCT327744 ESR327717:ESX327744 EIV327717:EJB327744 DYZ327717:DZF327744 DPD327717:DPJ327744 DFH327717:DFN327744 CVL327717:CVR327744 CLP327717:CLV327744 CBT327717:CBZ327744 BRX327717:BSD327744 BIB327717:BIH327744 AYF327717:AYL327744 AOJ327717:AOP327744 AEN327717:AET327744 UR327717:UX327744 KV327717:LB327744 AZ327717:BF327744 WXH262181:WXN262208 WNL262181:WNR262208 WDP262181:WDV262208 VTT262181:VTZ262208 VJX262181:VKD262208 VAB262181:VAH262208 UQF262181:UQL262208 UGJ262181:UGP262208 TWN262181:TWT262208 TMR262181:TMX262208 TCV262181:TDB262208 SSZ262181:STF262208 SJD262181:SJJ262208 RZH262181:RZN262208 RPL262181:RPR262208 RFP262181:RFV262208 QVT262181:QVZ262208 QLX262181:QMD262208 QCB262181:QCH262208 PSF262181:PSL262208 PIJ262181:PIP262208 OYN262181:OYT262208 OOR262181:OOX262208 OEV262181:OFB262208 NUZ262181:NVF262208 NLD262181:NLJ262208 NBH262181:NBN262208 MRL262181:MRR262208 MHP262181:MHV262208 LXT262181:LXZ262208 LNX262181:LOD262208 LEB262181:LEH262208 KUF262181:KUL262208 KKJ262181:KKP262208 KAN262181:KAT262208 JQR262181:JQX262208 JGV262181:JHB262208 IWZ262181:IXF262208 IND262181:INJ262208 IDH262181:IDN262208 HTL262181:HTR262208 HJP262181:HJV262208 GZT262181:GZZ262208 GPX262181:GQD262208 GGB262181:GGH262208 FWF262181:FWL262208 FMJ262181:FMP262208 FCN262181:FCT262208 ESR262181:ESX262208 EIV262181:EJB262208 DYZ262181:DZF262208 DPD262181:DPJ262208 DFH262181:DFN262208 CVL262181:CVR262208 CLP262181:CLV262208 CBT262181:CBZ262208 BRX262181:BSD262208 BIB262181:BIH262208 AYF262181:AYL262208 AOJ262181:AOP262208 AEN262181:AET262208 UR262181:UX262208 KV262181:LB262208 AZ262181:BF262208 WXH196645:WXN196672 WNL196645:WNR196672 WDP196645:WDV196672 VTT196645:VTZ196672 VJX196645:VKD196672 VAB196645:VAH196672 UQF196645:UQL196672 UGJ196645:UGP196672 TWN196645:TWT196672 TMR196645:TMX196672 TCV196645:TDB196672 SSZ196645:STF196672 SJD196645:SJJ196672 RZH196645:RZN196672 RPL196645:RPR196672 RFP196645:RFV196672 QVT196645:QVZ196672 QLX196645:QMD196672 QCB196645:QCH196672 PSF196645:PSL196672 PIJ196645:PIP196672 OYN196645:OYT196672 OOR196645:OOX196672 OEV196645:OFB196672 NUZ196645:NVF196672 NLD196645:NLJ196672 NBH196645:NBN196672 MRL196645:MRR196672 MHP196645:MHV196672 LXT196645:LXZ196672 LNX196645:LOD196672 LEB196645:LEH196672 KUF196645:KUL196672 KKJ196645:KKP196672 KAN196645:KAT196672 JQR196645:JQX196672 JGV196645:JHB196672 IWZ196645:IXF196672 IND196645:INJ196672 IDH196645:IDN196672 HTL196645:HTR196672 HJP196645:HJV196672 GZT196645:GZZ196672 GPX196645:GQD196672 GGB196645:GGH196672 FWF196645:FWL196672 FMJ196645:FMP196672 FCN196645:FCT196672 ESR196645:ESX196672 EIV196645:EJB196672 DYZ196645:DZF196672 DPD196645:DPJ196672 DFH196645:DFN196672 CVL196645:CVR196672 CLP196645:CLV196672 CBT196645:CBZ196672 BRX196645:BSD196672 BIB196645:BIH196672 AYF196645:AYL196672 AOJ196645:AOP196672 AEN196645:AET196672 UR196645:UX196672 KV196645:LB196672 AZ196645:BF196672 WXH131109:WXN131136 WNL131109:WNR131136 WDP131109:WDV131136 VTT131109:VTZ131136 VJX131109:VKD131136 VAB131109:VAH131136 UQF131109:UQL131136 UGJ131109:UGP131136 TWN131109:TWT131136 TMR131109:TMX131136 TCV131109:TDB131136 SSZ131109:STF131136 SJD131109:SJJ131136 RZH131109:RZN131136 RPL131109:RPR131136 RFP131109:RFV131136 QVT131109:QVZ131136 QLX131109:QMD131136 QCB131109:QCH131136 PSF131109:PSL131136 PIJ131109:PIP131136 OYN131109:OYT131136 OOR131109:OOX131136 OEV131109:OFB131136 NUZ131109:NVF131136 NLD131109:NLJ131136 NBH131109:NBN131136 MRL131109:MRR131136 MHP131109:MHV131136 LXT131109:LXZ131136 LNX131109:LOD131136 LEB131109:LEH131136 KUF131109:KUL131136 KKJ131109:KKP131136 KAN131109:KAT131136 JQR131109:JQX131136 JGV131109:JHB131136 IWZ131109:IXF131136 IND131109:INJ131136 IDH131109:IDN131136 HTL131109:HTR131136 HJP131109:HJV131136 GZT131109:GZZ131136 GPX131109:GQD131136 GGB131109:GGH131136 FWF131109:FWL131136 FMJ131109:FMP131136 FCN131109:FCT131136 ESR131109:ESX131136 EIV131109:EJB131136 DYZ131109:DZF131136 DPD131109:DPJ131136 DFH131109:DFN131136 CVL131109:CVR131136 CLP131109:CLV131136 CBT131109:CBZ131136 BRX131109:BSD131136 BIB131109:BIH131136 AYF131109:AYL131136 AOJ131109:AOP131136 AEN131109:AET131136 UR131109:UX131136 KV131109:LB131136 AZ131109:BF131136 WXH65573:WXN65600 WNL65573:WNR65600 WDP65573:WDV65600 VTT65573:VTZ65600 VJX65573:VKD65600 VAB65573:VAH65600 UQF65573:UQL65600 UGJ65573:UGP65600 TWN65573:TWT65600 TMR65573:TMX65600 TCV65573:TDB65600 SSZ65573:STF65600 SJD65573:SJJ65600 RZH65573:RZN65600 RPL65573:RPR65600 RFP65573:RFV65600 QVT65573:QVZ65600 QLX65573:QMD65600 QCB65573:QCH65600 PSF65573:PSL65600 PIJ65573:PIP65600 OYN65573:OYT65600 OOR65573:OOX65600 OEV65573:OFB65600 NUZ65573:NVF65600 NLD65573:NLJ65600 NBH65573:NBN65600 MRL65573:MRR65600 MHP65573:MHV65600 LXT65573:LXZ65600 LNX65573:LOD65600 LEB65573:LEH65600 KUF65573:KUL65600 KKJ65573:KKP65600 KAN65573:KAT65600 JQR65573:JQX65600 JGV65573:JHB65600 IWZ65573:IXF65600 IND65573:INJ65600 IDH65573:IDN65600 HTL65573:HTR65600 HJP65573:HJV65600 GZT65573:GZZ65600 GPX65573:GQD65600 GGB65573:GGH65600 FWF65573:FWL65600 FMJ65573:FMP65600 FCN65573:FCT65600 ESR65573:ESX65600 EIV65573:EJB65600 DYZ65573:DZF65600 DPD65573:DPJ65600 DFH65573:DFN65600 CVL65573:CVR65600 CLP65573:CLV65600 CBT65573:CBZ65600 BRX65573:BSD65600 BIB65573:BIH65600 AYF65573:AYL65600 AOJ65573:AOP65600 AEN65573:AET65600 UR65573:UX65600 KV65573:LB65600 AZ65573:BF65600 WXH41:WXN68 WNL41:WNR68 WDP41:WDV68 VTT41:VTZ68 VJX41:VKD68 VAB41:VAH68 UQF41:UQL68 UGJ41:UGP68 TWN41:TWT68 TMR41:TMX68 TCV41:TDB68 SSZ41:STF68 SJD41:SJJ68 RZH41:RZN68 RPL41:RPR68 RFP41:RFV68 QVT41:QVZ68 QLX41:QMD68 QCB41:QCH68 PSF41:PSL68 PIJ41:PIP68 OYN41:OYT68 OOR41:OOX68 OEV41:OFB68 NUZ41:NVF68 NLD41:NLJ68 NBH41:NBN68 MRL41:MRR68 MHP41:MHV68 LXT41:LXZ68 LNX41:LOD68 LEB41:LEH68 KUF41:KUL68 KKJ41:KKP68 KAN41:KAT68 JQR41:JQX68 JGV41:JHB68 IWZ41:IXF68 IND41:INJ68 IDH41:IDN68 HTL41:HTR68 HJP41:HJV68 GZT41:GZZ68 GPX41:GQD68 GGB41:GGH68 FWF41:FWL68 FMJ41:FMP68 FCN41:FCT68 ESR41:ESX68 EIV41:EJB68 DYZ41:DZF68 DPD41:DPJ68 DFH41:DFN68 CVL41:CVR68 CLP41:CLV68 CBT41:CBZ68 BRX41:BSD68 BIB41:BIH68 AYF41:AYL68 AOJ41:AOP68 AEN41:AET68 UR41:UX68 KV41:LB68 WXA983077:WXF983104 WNE983077:WNJ983104 WDI983077:WDN983104 VTM983077:VTR983104 VJQ983077:VJV983104 UZU983077:UZZ983104 UPY983077:UQD983104 UGC983077:UGH983104 TWG983077:TWL983104 TMK983077:TMP983104 TCO983077:TCT983104 SSS983077:SSX983104 SIW983077:SJB983104 RZA983077:RZF983104 RPE983077:RPJ983104 RFI983077:RFN983104 QVM983077:QVR983104 QLQ983077:QLV983104 QBU983077:QBZ983104 PRY983077:PSD983104 PIC983077:PIH983104 OYG983077:OYL983104 OOK983077:OOP983104 OEO983077:OET983104 NUS983077:NUX983104 NKW983077:NLB983104 NBA983077:NBF983104 MRE983077:MRJ983104 MHI983077:MHN983104 LXM983077:LXR983104 LNQ983077:LNV983104 LDU983077:LDZ983104 KTY983077:KUD983104 KKC983077:KKH983104 KAG983077:KAL983104 JQK983077:JQP983104 JGO983077:JGT983104 IWS983077:IWX983104 IMW983077:INB983104 IDA983077:IDF983104 HTE983077:HTJ983104 HJI983077:HJN983104 GZM983077:GZR983104 GPQ983077:GPV983104 GFU983077:GFZ983104 FVY983077:FWD983104 FMC983077:FMH983104 FCG983077:FCL983104 ESK983077:ESP983104 EIO983077:EIT983104 DYS983077:DYX983104 DOW983077:DPB983104 DFA983077:DFF983104 CVE983077:CVJ983104 CLI983077:CLN983104 CBM983077:CBR983104 BRQ983077:BRV983104 BHU983077:BHZ983104 AXY983077:AYD983104 AOC983077:AOH983104 AEG983077:AEL983104 UK983077:UP983104 KO983077:KT983104 AR983077:AX983104 WXA917541:WXF917568 WNE917541:WNJ917568 WDI917541:WDN917568 VTM917541:VTR917568 VJQ917541:VJV917568 UZU917541:UZZ917568 UPY917541:UQD917568 UGC917541:UGH917568 TWG917541:TWL917568 TMK917541:TMP917568 TCO917541:TCT917568 SSS917541:SSX917568 SIW917541:SJB917568 RZA917541:RZF917568 RPE917541:RPJ917568 RFI917541:RFN917568 QVM917541:QVR917568 QLQ917541:QLV917568 QBU917541:QBZ917568 PRY917541:PSD917568 PIC917541:PIH917568 OYG917541:OYL917568 OOK917541:OOP917568 OEO917541:OET917568 NUS917541:NUX917568 NKW917541:NLB917568 NBA917541:NBF917568 MRE917541:MRJ917568 MHI917541:MHN917568 LXM917541:LXR917568 LNQ917541:LNV917568 LDU917541:LDZ917568 KTY917541:KUD917568 KKC917541:KKH917568 KAG917541:KAL917568 JQK917541:JQP917568 JGO917541:JGT917568 IWS917541:IWX917568 IMW917541:INB917568 IDA917541:IDF917568 HTE917541:HTJ917568 HJI917541:HJN917568 GZM917541:GZR917568 GPQ917541:GPV917568 GFU917541:GFZ917568 FVY917541:FWD917568 FMC917541:FMH917568 FCG917541:FCL917568 ESK917541:ESP917568 EIO917541:EIT917568 DYS917541:DYX917568 DOW917541:DPB917568 DFA917541:DFF917568 CVE917541:CVJ917568 CLI917541:CLN917568 CBM917541:CBR917568 BRQ917541:BRV917568 BHU917541:BHZ917568 AXY917541:AYD917568 AOC917541:AOH917568 AEG917541:AEL917568 UK917541:UP917568 KO917541:KT917568 AR917541:AX917568 WXA852005:WXF852032 WNE852005:WNJ852032 WDI852005:WDN852032 VTM852005:VTR852032 VJQ852005:VJV852032 UZU852005:UZZ852032 UPY852005:UQD852032 UGC852005:UGH852032 TWG852005:TWL852032 TMK852005:TMP852032 TCO852005:TCT852032 SSS852005:SSX852032 SIW852005:SJB852032 RZA852005:RZF852032 RPE852005:RPJ852032 RFI852005:RFN852032 QVM852005:QVR852032 QLQ852005:QLV852032 QBU852005:QBZ852032 PRY852005:PSD852032 PIC852005:PIH852032 OYG852005:OYL852032 OOK852005:OOP852032 OEO852005:OET852032 NUS852005:NUX852032 NKW852005:NLB852032 NBA852005:NBF852032 MRE852005:MRJ852032 MHI852005:MHN852032 LXM852005:LXR852032 LNQ852005:LNV852032 LDU852005:LDZ852032 KTY852005:KUD852032 KKC852005:KKH852032 KAG852005:KAL852032 JQK852005:JQP852032 JGO852005:JGT852032 IWS852005:IWX852032 IMW852005:INB852032 IDA852005:IDF852032 HTE852005:HTJ852032 HJI852005:HJN852032 GZM852005:GZR852032 GPQ852005:GPV852032 GFU852005:GFZ852032 FVY852005:FWD852032 FMC852005:FMH852032 FCG852005:FCL852032 ESK852005:ESP852032 EIO852005:EIT852032 DYS852005:DYX852032 DOW852005:DPB852032 DFA852005:DFF852032 CVE852005:CVJ852032 CLI852005:CLN852032 CBM852005:CBR852032 BRQ852005:BRV852032 BHU852005:BHZ852032 AXY852005:AYD852032 AOC852005:AOH852032 AEG852005:AEL852032 UK852005:UP852032 KO852005:KT852032 AR852005:AX852032 WXA786469:WXF786496 WNE786469:WNJ786496 WDI786469:WDN786496 VTM786469:VTR786496 VJQ786469:VJV786496 UZU786469:UZZ786496 UPY786469:UQD786496 UGC786469:UGH786496 TWG786469:TWL786496 TMK786469:TMP786496 TCO786469:TCT786496 SSS786469:SSX786496 SIW786469:SJB786496 RZA786469:RZF786496 RPE786469:RPJ786496 RFI786469:RFN786496 QVM786469:QVR786496 QLQ786469:QLV786496 QBU786469:QBZ786496 PRY786469:PSD786496 PIC786469:PIH786496 OYG786469:OYL786496 OOK786469:OOP786496 OEO786469:OET786496 NUS786469:NUX786496 NKW786469:NLB786496 NBA786469:NBF786496 MRE786469:MRJ786496 MHI786469:MHN786496 LXM786469:LXR786496 LNQ786469:LNV786496 LDU786469:LDZ786496 KTY786469:KUD786496 KKC786469:KKH786496 KAG786469:KAL786496 JQK786469:JQP786496 JGO786469:JGT786496 IWS786469:IWX786496 IMW786469:INB786496 IDA786469:IDF786496 HTE786469:HTJ786496 HJI786469:HJN786496 GZM786469:GZR786496 GPQ786469:GPV786496 GFU786469:GFZ786496 FVY786469:FWD786496 FMC786469:FMH786496 FCG786469:FCL786496 ESK786469:ESP786496 EIO786469:EIT786496 DYS786469:DYX786496 DOW786469:DPB786496 DFA786469:DFF786496 CVE786469:CVJ786496 CLI786469:CLN786496 CBM786469:CBR786496 BRQ786469:BRV786496 BHU786469:BHZ786496 AXY786469:AYD786496 AOC786469:AOH786496 AEG786469:AEL786496 UK786469:UP786496 KO786469:KT786496 AR786469:AX786496 WXA720933:WXF720960 WNE720933:WNJ720960 WDI720933:WDN720960 VTM720933:VTR720960 VJQ720933:VJV720960 UZU720933:UZZ720960 UPY720933:UQD720960 UGC720933:UGH720960 TWG720933:TWL720960 TMK720933:TMP720960 TCO720933:TCT720960 SSS720933:SSX720960 SIW720933:SJB720960 RZA720933:RZF720960 RPE720933:RPJ720960 RFI720933:RFN720960 QVM720933:QVR720960 QLQ720933:QLV720960 QBU720933:QBZ720960 PRY720933:PSD720960 PIC720933:PIH720960 OYG720933:OYL720960 OOK720933:OOP720960 OEO720933:OET720960 NUS720933:NUX720960 NKW720933:NLB720960 NBA720933:NBF720960 MRE720933:MRJ720960 MHI720933:MHN720960 LXM720933:LXR720960 LNQ720933:LNV720960 LDU720933:LDZ720960 KTY720933:KUD720960 KKC720933:KKH720960 KAG720933:KAL720960 JQK720933:JQP720960 JGO720933:JGT720960 IWS720933:IWX720960 IMW720933:INB720960 IDA720933:IDF720960 HTE720933:HTJ720960 HJI720933:HJN720960 GZM720933:GZR720960 GPQ720933:GPV720960 GFU720933:GFZ720960 FVY720933:FWD720960 FMC720933:FMH720960 FCG720933:FCL720960 ESK720933:ESP720960 EIO720933:EIT720960 DYS720933:DYX720960 DOW720933:DPB720960 DFA720933:DFF720960 CVE720933:CVJ720960 CLI720933:CLN720960 CBM720933:CBR720960 BRQ720933:BRV720960 BHU720933:BHZ720960 AXY720933:AYD720960 AOC720933:AOH720960 AEG720933:AEL720960 UK720933:UP720960 KO720933:KT720960 AR720933:AX720960 WXA655397:WXF655424 WNE655397:WNJ655424 WDI655397:WDN655424 VTM655397:VTR655424 VJQ655397:VJV655424 UZU655397:UZZ655424 UPY655397:UQD655424 UGC655397:UGH655424 TWG655397:TWL655424 TMK655397:TMP655424 TCO655397:TCT655424 SSS655397:SSX655424 SIW655397:SJB655424 RZA655397:RZF655424 RPE655397:RPJ655424 RFI655397:RFN655424 QVM655397:QVR655424 QLQ655397:QLV655424 QBU655397:QBZ655424 PRY655397:PSD655424 PIC655397:PIH655424 OYG655397:OYL655424 OOK655397:OOP655424 OEO655397:OET655424 NUS655397:NUX655424 NKW655397:NLB655424 NBA655397:NBF655424 MRE655397:MRJ655424 MHI655397:MHN655424 LXM655397:LXR655424 LNQ655397:LNV655424 LDU655397:LDZ655424 KTY655397:KUD655424 KKC655397:KKH655424 KAG655397:KAL655424 JQK655397:JQP655424 JGO655397:JGT655424 IWS655397:IWX655424 IMW655397:INB655424 IDA655397:IDF655424 HTE655397:HTJ655424 HJI655397:HJN655424 GZM655397:GZR655424 GPQ655397:GPV655424 GFU655397:GFZ655424 FVY655397:FWD655424 FMC655397:FMH655424 FCG655397:FCL655424 ESK655397:ESP655424 EIO655397:EIT655424 DYS655397:DYX655424 DOW655397:DPB655424 DFA655397:DFF655424 CVE655397:CVJ655424 CLI655397:CLN655424 CBM655397:CBR655424 BRQ655397:BRV655424 BHU655397:BHZ655424 AXY655397:AYD655424 AOC655397:AOH655424 AEG655397:AEL655424 UK655397:UP655424 KO655397:KT655424 AR655397:AX655424 WXA589861:WXF589888 WNE589861:WNJ589888 WDI589861:WDN589888 VTM589861:VTR589888 VJQ589861:VJV589888 UZU589861:UZZ589888 UPY589861:UQD589888 UGC589861:UGH589888 TWG589861:TWL589888 TMK589861:TMP589888 TCO589861:TCT589888 SSS589861:SSX589888 SIW589861:SJB589888 RZA589861:RZF589888 RPE589861:RPJ589888 RFI589861:RFN589888 QVM589861:QVR589888 QLQ589861:QLV589888 QBU589861:QBZ589888 PRY589861:PSD589888 PIC589861:PIH589888 OYG589861:OYL589888 OOK589861:OOP589888 OEO589861:OET589888 NUS589861:NUX589888 NKW589861:NLB589888 NBA589861:NBF589888 MRE589861:MRJ589888 MHI589861:MHN589888 LXM589861:LXR589888 LNQ589861:LNV589888 LDU589861:LDZ589888 KTY589861:KUD589888 KKC589861:KKH589888 KAG589861:KAL589888 JQK589861:JQP589888 JGO589861:JGT589888 IWS589861:IWX589888 IMW589861:INB589888 IDA589861:IDF589888 HTE589861:HTJ589888 HJI589861:HJN589888 GZM589861:GZR589888 GPQ589861:GPV589888 GFU589861:GFZ589888 FVY589861:FWD589888 FMC589861:FMH589888 FCG589861:FCL589888 ESK589861:ESP589888 EIO589861:EIT589888 DYS589861:DYX589888 DOW589861:DPB589888 DFA589861:DFF589888 CVE589861:CVJ589888 CLI589861:CLN589888 CBM589861:CBR589888 BRQ589861:BRV589888 BHU589861:BHZ589888 AXY589861:AYD589888 AOC589861:AOH589888 AEG589861:AEL589888 UK589861:UP589888 KO589861:KT589888 AR589861:AX589888 WXA524325:WXF524352 WNE524325:WNJ524352 WDI524325:WDN524352 VTM524325:VTR524352 VJQ524325:VJV524352 UZU524325:UZZ524352 UPY524325:UQD524352 UGC524325:UGH524352 TWG524325:TWL524352 TMK524325:TMP524352 TCO524325:TCT524352 SSS524325:SSX524352 SIW524325:SJB524352 RZA524325:RZF524352 RPE524325:RPJ524352 RFI524325:RFN524352 QVM524325:QVR524352 QLQ524325:QLV524352 QBU524325:QBZ524352 PRY524325:PSD524352 PIC524325:PIH524352 OYG524325:OYL524352 OOK524325:OOP524352 OEO524325:OET524352 NUS524325:NUX524352 NKW524325:NLB524352 NBA524325:NBF524352 MRE524325:MRJ524352 MHI524325:MHN524352 LXM524325:LXR524352 LNQ524325:LNV524352 LDU524325:LDZ524352 KTY524325:KUD524352 KKC524325:KKH524352 KAG524325:KAL524352 JQK524325:JQP524352 JGO524325:JGT524352 IWS524325:IWX524352 IMW524325:INB524352 IDA524325:IDF524352 HTE524325:HTJ524352 HJI524325:HJN524352 GZM524325:GZR524352 GPQ524325:GPV524352 GFU524325:GFZ524352 FVY524325:FWD524352 FMC524325:FMH524352 FCG524325:FCL524352 ESK524325:ESP524352 EIO524325:EIT524352 DYS524325:DYX524352 DOW524325:DPB524352 DFA524325:DFF524352 CVE524325:CVJ524352 CLI524325:CLN524352 CBM524325:CBR524352 BRQ524325:BRV524352 BHU524325:BHZ524352 AXY524325:AYD524352 AOC524325:AOH524352 AEG524325:AEL524352 UK524325:UP524352 KO524325:KT524352 AR524325:AX524352 WXA458789:WXF458816 WNE458789:WNJ458816 WDI458789:WDN458816 VTM458789:VTR458816 VJQ458789:VJV458816 UZU458789:UZZ458816 UPY458789:UQD458816 UGC458789:UGH458816 TWG458789:TWL458816 TMK458789:TMP458816 TCO458789:TCT458816 SSS458789:SSX458816 SIW458789:SJB458816 RZA458789:RZF458816 RPE458789:RPJ458816 RFI458789:RFN458816 QVM458789:QVR458816 QLQ458789:QLV458816 QBU458789:QBZ458816 PRY458789:PSD458816 PIC458789:PIH458816 OYG458789:OYL458816 OOK458789:OOP458816 OEO458789:OET458816 NUS458789:NUX458816 NKW458789:NLB458816 NBA458789:NBF458816 MRE458789:MRJ458816 MHI458789:MHN458816 LXM458789:LXR458816 LNQ458789:LNV458816 LDU458789:LDZ458816 KTY458789:KUD458816 KKC458789:KKH458816 KAG458789:KAL458816 JQK458789:JQP458816 JGO458789:JGT458816 IWS458789:IWX458816 IMW458789:INB458816 IDA458789:IDF458816 HTE458789:HTJ458816 HJI458789:HJN458816 GZM458789:GZR458816 GPQ458789:GPV458816 GFU458789:GFZ458816 FVY458789:FWD458816 FMC458789:FMH458816 FCG458789:FCL458816 ESK458789:ESP458816 EIO458789:EIT458816 DYS458789:DYX458816 DOW458789:DPB458816 DFA458789:DFF458816 CVE458789:CVJ458816 CLI458789:CLN458816 CBM458789:CBR458816 BRQ458789:BRV458816 BHU458789:BHZ458816 AXY458789:AYD458816 AOC458789:AOH458816 AEG458789:AEL458816 UK458789:UP458816 KO458789:KT458816 AR458789:AX458816 WXA393253:WXF393280 WNE393253:WNJ393280 WDI393253:WDN393280 VTM393253:VTR393280 VJQ393253:VJV393280 UZU393253:UZZ393280 UPY393253:UQD393280 UGC393253:UGH393280 TWG393253:TWL393280 TMK393253:TMP393280 TCO393253:TCT393280 SSS393253:SSX393280 SIW393253:SJB393280 RZA393253:RZF393280 RPE393253:RPJ393280 RFI393253:RFN393280 QVM393253:QVR393280 QLQ393253:QLV393280 QBU393253:QBZ393280 PRY393253:PSD393280 PIC393253:PIH393280 OYG393253:OYL393280 OOK393253:OOP393280 OEO393253:OET393280 NUS393253:NUX393280 NKW393253:NLB393280 NBA393253:NBF393280 MRE393253:MRJ393280 MHI393253:MHN393280 LXM393253:LXR393280 LNQ393253:LNV393280 LDU393253:LDZ393280 KTY393253:KUD393280 KKC393253:KKH393280 KAG393253:KAL393280 JQK393253:JQP393280 JGO393253:JGT393280 IWS393253:IWX393280 IMW393253:INB393280 IDA393253:IDF393280 HTE393253:HTJ393280 HJI393253:HJN393280 GZM393253:GZR393280 GPQ393253:GPV393280 GFU393253:GFZ393280 FVY393253:FWD393280 FMC393253:FMH393280 FCG393253:FCL393280 ESK393253:ESP393280 EIO393253:EIT393280 DYS393253:DYX393280 DOW393253:DPB393280 DFA393253:DFF393280 CVE393253:CVJ393280 CLI393253:CLN393280 CBM393253:CBR393280 BRQ393253:BRV393280 BHU393253:BHZ393280 AXY393253:AYD393280 AOC393253:AOH393280 AEG393253:AEL393280 UK393253:UP393280 KO393253:KT393280 AR393253:AX393280 WXA327717:WXF327744 WNE327717:WNJ327744 WDI327717:WDN327744 VTM327717:VTR327744 VJQ327717:VJV327744 UZU327717:UZZ327744 UPY327717:UQD327744 UGC327717:UGH327744 TWG327717:TWL327744 TMK327717:TMP327744 TCO327717:TCT327744 SSS327717:SSX327744 SIW327717:SJB327744 RZA327717:RZF327744 RPE327717:RPJ327744 RFI327717:RFN327744 QVM327717:QVR327744 QLQ327717:QLV327744 QBU327717:QBZ327744 PRY327717:PSD327744 PIC327717:PIH327744 OYG327717:OYL327744 OOK327717:OOP327744 OEO327717:OET327744 NUS327717:NUX327744 NKW327717:NLB327744 NBA327717:NBF327744 MRE327717:MRJ327744 MHI327717:MHN327744 LXM327717:LXR327744 LNQ327717:LNV327744 LDU327717:LDZ327744 KTY327717:KUD327744 KKC327717:KKH327744 KAG327717:KAL327744 JQK327717:JQP327744 JGO327717:JGT327744 IWS327717:IWX327744 IMW327717:INB327744 IDA327717:IDF327744 HTE327717:HTJ327744 HJI327717:HJN327744 GZM327717:GZR327744 GPQ327717:GPV327744 GFU327717:GFZ327744 FVY327717:FWD327744 FMC327717:FMH327744 FCG327717:FCL327744 ESK327717:ESP327744 EIO327717:EIT327744 DYS327717:DYX327744 DOW327717:DPB327744 DFA327717:DFF327744 CVE327717:CVJ327744 CLI327717:CLN327744 CBM327717:CBR327744 BRQ327717:BRV327744 BHU327717:BHZ327744 AXY327717:AYD327744 AOC327717:AOH327744 AEG327717:AEL327744 UK327717:UP327744 KO327717:KT327744 AR327717:AX327744 WXA262181:WXF262208 WNE262181:WNJ262208 WDI262181:WDN262208 VTM262181:VTR262208 VJQ262181:VJV262208 UZU262181:UZZ262208 UPY262181:UQD262208 UGC262181:UGH262208 TWG262181:TWL262208 TMK262181:TMP262208 TCO262181:TCT262208 SSS262181:SSX262208 SIW262181:SJB262208 RZA262181:RZF262208 RPE262181:RPJ262208 RFI262181:RFN262208 QVM262181:QVR262208 QLQ262181:QLV262208 QBU262181:QBZ262208 PRY262181:PSD262208 PIC262181:PIH262208 OYG262181:OYL262208 OOK262181:OOP262208 OEO262181:OET262208 NUS262181:NUX262208 NKW262181:NLB262208 NBA262181:NBF262208 MRE262181:MRJ262208 MHI262181:MHN262208 LXM262181:LXR262208 LNQ262181:LNV262208 LDU262181:LDZ262208 KTY262181:KUD262208 KKC262181:KKH262208 KAG262181:KAL262208 JQK262181:JQP262208 JGO262181:JGT262208 IWS262181:IWX262208 IMW262181:INB262208 IDA262181:IDF262208 HTE262181:HTJ262208 HJI262181:HJN262208 GZM262181:GZR262208 GPQ262181:GPV262208 GFU262181:GFZ262208 FVY262181:FWD262208 FMC262181:FMH262208 FCG262181:FCL262208 ESK262181:ESP262208 EIO262181:EIT262208 DYS262181:DYX262208 DOW262181:DPB262208 DFA262181:DFF262208 CVE262181:CVJ262208 CLI262181:CLN262208 CBM262181:CBR262208 BRQ262181:BRV262208 BHU262181:BHZ262208 AXY262181:AYD262208 AOC262181:AOH262208 AEG262181:AEL262208 UK262181:UP262208 KO262181:KT262208 AR262181:AX262208 WXA196645:WXF196672 WNE196645:WNJ196672 WDI196645:WDN196672 VTM196645:VTR196672 VJQ196645:VJV196672 UZU196645:UZZ196672 UPY196645:UQD196672 UGC196645:UGH196672 TWG196645:TWL196672 TMK196645:TMP196672 TCO196645:TCT196672 SSS196645:SSX196672 SIW196645:SJB196672 RZA196645:RZF196672 RPE196645:RPJ196672 RFI196645:RFN196672 QVM196645:QVR196672 QLQ196645:QLV196672 QBU196645:QBZ196672 PRY196645:PSD196672 PIC196645:PIH196672 OYG196645:OYL196672 OOK196645:OOP196672 OEO196645:OET196672 NUS196645:NUX196672 NKW196645:NLB196672 NBA196645:NBF196672 MRE196645:MRJ196672 MHI196645:MHN196672 LXM196645:LXR196672 LNQ196645:LNV196672 LDU196645:LDZ196672 KTY196645:KUD196672 KKC196645:KKH196672 KAG196645:KAL196672 JQK196645:JQP196672 JGO196645:JGT196672 IWS196645:IWX196672 IMW196645:INB196672 IDA196645:IDF196672 HTE196645:HTJ196672 HJI196645:HJN196672 GZM196645:GZR196672 GPQ196645:GPV196672 GFU196645:GFZ196672 FVY196645:FWD196672 FMC196645:FMH196672 FCG196645:FCL196672 ESK196645:ESP196672 EIO196645:EIT196672 DYS196645:DYX196672 DOW196645:DPB196672 DFA196645:DFF196672 CVE196645:CVJ196672 CLI196645:CLN196672 CBM196645:CBR196672 BRQ196645:BRV196672 BHU196645:BHZ196672 AXY196645:AYD196672 AOC196645:AOH196672 AEG196645:AEL196672 UK196645:UP196672 KO196645:KT196672 AR196645:AX196672 WXA131109:WXF131136 WNE131109:WNJ131136 WDI131109:WDN131136 VTM131109:VTR131136 VJQ131109:VJV131136 UZU131109:UZZ131136 UPY131109:UQD131136 UGC131109:UGH131136 TWG131109:TWL131136 TMK131109:TMP131136 TCO131109:TCT131136 SSS131109:SSX131136 SIW131109:SJB131136 RZA131109:RZF131136 RPE131109:RPJ131136 RFI131109:RFN131136 QVM131109:QVR131136 QLQ131109:QLV131136 QBU131109:QBZ131136 PRY131109:PSD131136 PIC131109:PIH131136 OYG131109:OYL131136 OOK131109:OOP131136 OEO131109:OET131136 NUS131109:NUX131136 NKW131109:NLB131136 NBA131109:NBF131136 MRE131109:MRJ131136 MHI131109:MHN131136 LXM131109:LXR131136 LNQ131109:LNV131136 LDU131109:LDZ131136 KTY131109:KUD131136 KKC131109:KKH131136 KAG131109:KAL131136 JQK131109:JQP131136 JGO131109:JGT131136 IWS131109:IWX131136 IMW131109:INB131136 IDA131109:IDF131136 HTE131109:HTJ131136 HJI131109:HJN131136 GZM131109:GZR131136 GPQ131109:GPV131136 GFU131109:GFZ131136 FVY131109:FWD131136 FMC131109:FMH131136 FCG131109:FCL131136 ESK131109:ESP131136 EIO131109:EIT131136 DYS131109:DYX131136 DOW131109:DPB131136 DFA131109:DFF131136 CVE131109:CVJ131136 CLI131109:CLN131136 CBM131109:CBR131136 BRQ131109:BRV131136 BHU131109:BHZ131136 AXY131109:AYD131136 AOC131109:AOH131136 AEG131109:AEL131136 UK131109:UP131136 KO131109:KT131136 AR131109:AX131136 WXA65573:WXF65600 WNE65573:WNJ65600 WDI65573:WDN65600 VTM65573:VTR65600 VJQ65573:VJV65600 UZU65573:UZZ65600 UPY65573:UQD65600 UGC65573:UGH65600 TWG65573:TWL65600 TMK65573:TMP65600 TCO65573:TCT65600 SSS65573:SSX65600 SIW65573:SJB65600 RZA65573:RZF65600 RPE65573:RPJ65600 RFI65573:RFN65600 QVM65573:QVR65600 QLQ65573:QLV65600 QBU65573:QBZ65600 PRY65573:PSD65600 PIC65573:PIH65600 OYG65573:OYL65600 OOK65573:OOP65600 OEO65573:OET65600 NUS65573:NUX65600 NKW65573:NLB65600 NBA65573:NBF65600 MRE65573:MRJ65600 MHI65573:MHN65600 LXM65573:LXR65600 LNQ65573:LNV65600 LDU65573:LDZ65600 KTY65573:KUD65600 KKC65573:KKH65600 KAG65573:KAL65600 JQK65573:JQP65600 JGO65573:JGT65600 IWS65573:IWX65600 IMW65573:INB65600 IDA65573:IDF65600 HTE65573:HTJ65600 HJI65573:HJN65600 GZM65573:GZR65600 GPQ65573:GPV65600 GFU65573:GFZ65600 FVY65573:FWD65600 FMC65573:FMH65600 FCG65573:FCL65600 ESK65573:ESP65600 EIO65573:EIT65600 DYS65573:DYX65600 DOW65573:DPB65600 DFA65573:DFF65600 CVE65573:CVJ65600 CLI65573:CLN65600 CBM65573:CBR65600 BRQ65573:BRV65600 BHU65573:BHZ65600 AXY65573:AYD65600 AOC65573:AOH65600 AEG65573:AEL65600 UK65573:UP65600 KO65573:KT65600 AR65573:AX65600 WXA41:WXF68 WNE41:WNJ68 WDI41:WDN68 VTM41:VTR68 VJQ41:VJV68 UZU41:UZZ68 UPY41:UQD68 UGC41:UGH68 TWG41:TWL68 TMK41:TMP68 TCO41:TCT68 SSS41:SSX68 SIW41:SJB68 RZA41:RZF68 RPE41:RPJ68 RFI41:RFN68 QVM41:QVR68 QLQ41:QLV68 QBU41:QBZ68 PRY41:PSD68 PIC41:PIH68 OYG41:OYL68 OOK41:OOP68 OEO41:OET68 NUS41:NUX68 NKW41:NLB68 NBA41:NBF68 MRE41:MRJ68 MHI41:MHN68 LXM41:LXR68 LNQ41:LNV68 LDU41:LDZ68 KTY41:KUD68 KKC41:KKH68 KAG41:KAL68 JQK41:JQP68 JGO41:JGT68 IWS41:IWX68 IMW41:INB68 IDA41:IDF68 HTE41:HTJ68 HJI41:HJN68 GZM41:GZR68 GPQ41:GPV68 GFU41:GFZ68 FVY41:FWD68 FMC41:FMH68 FCG41:FCL68 ESK41:ESP68 EIO41:EIT68 DYS41:DYX68 DOW41:DPB68 DFA41:DFF68 CVE41:CVJ68 CLI41:CLN68 CBM41:CBR68 BRQ41:BRV68 BHU41:BHZ68 AXY41:AYD68 AOC41:AOH68 AEG41:AEL68 UK41:UP68 KO41:KT68 WWF983077:WWF983078 WMJ983077:WMJ983078 WCN983077:WCN983078 VSR983077:VSR983078 VIV983077:VIV983078 UYZ983077:UYZ983078 UPD983077:UPD983078 UFH983077:UFH983078 TVL983077:TVL983078 TLP983077:TLP983078 TBT983077:TBT983078 SRX983077:SRX983078 SIB983077:SIB983078 RYF983077:RYF983078 ROJ983077:ROJ983078 REN983077:REN983078 QUR983077:QUR983078 QKV983077:QKV983078 QAZ983077:QAZ983078 PRD983077:PRD983078 PHH983077:PHH983078 OXL983077:OXL983078 ONP983077:ONP983078 ODT983077:ODT983078 NTX983077:NTX983078 NKB983077:NKB983078 NAF983077:NAF983078 MQJ983077:MQJ983078 MGN983077:MGN983078 LWR983077:LWR983078 LMV983077:LMV983078 LCZ983077:LCZ983078 KTD983077:KTD983078 KJH983077:KJH983078 JZL983077:JZL983078 JPP983077:JPP983078 JFT983077:JFT983078 IVX983077:IVX983078 IMB983077:IMB983078 ICF983077:ICF983078 HSJ983077:HSJ983078 HIN983077:HIN983078 GYR983077:GYR983078 GOV983077:GOV983078 GEZ983077:GEZ983078 FVD983077:FVD983078 FLH983077:FLH983078 FBL983077:FBL983078 ERP983077:ERP983078 EHT983077:EHT983078 DXX983077:DXX983078 DOB983077:DOB983078 DEF983077:DEF983078 CUJ983077:CUJ983078 CKN983077:CKN983078 CAR983077:CAR983078 BQV983077:BQV983078 BGZ983077:BGZ983078 AXD983077:AXD983078 ANH983077:ANH983078 ADL983077:ADL983078 TP983077:TP983078 JT983077:JT983078 O983077:O983078 WWF917541:WWF917542 WMJ917541:WMJ917542 WCN917541:WCN917542 VSR917541:VSR917542 VIV917541:VIV917542 UYZ917541:UYZ917542 UPD917541:UPD917542 UFH917541:UFH917542 TVL917541:TVL917542 TLP917541:TLP917542 TBT917541:TBT917542 SRX917541:SRX917542 SIB917541:SIB917542 RYF917541:RYF917542 ROJ917541:ROJ917542 REN917541:REN917542 QUR917541:QUR917542 QKV917541:QKV917542 QAZ917541:QAZ917542 PRD917541:PRD917542 PHH917541:PHH917542 OXL917541:OXL917542 ONP917541:ONP917542 ODT917541:ODT917542 NTX917541:NTX917542 NKB917541:NKB917542 NAF917541:NAF917542 MQJ917541:MQJ917542 MGN917541:MGN917542 LWR917541:LWR917542 LMV917541:LMV917542 LCZ917541:LCZ917542 KTD917541:KTD917542 KJH917541:KJH917542 JZL917541:JZL917542 JPP917541:JPP917542 JFT917541:JFT917542 IVX917541:IVX917542 IMB917541:IMB917542 ICF917541:ICF917542 HSJ917541:HSJ917542 HIN917541:HIN917542 GYR917541:GYR917542 GOV917541:GOV917542 GEZ917541:GEZ917542 FVD917541:FVD917542 FLH917541:FLH917542 FBL917541:FBL917542 ERP917541:ERP917542 EHT917541:EHT917542 DXX917541:DXX917542 DOB917541:DOB917542 DEF917541:DEF917542 CUJ917541:CUJ917542 CKN917541:CKN917542 CAR917541:CAR917542 BQV917541:BQV917542 BGZ917541:BGZ917542 AXD917541:AXD917542 ANH917541:ANH917542 ADL917541:ADL917542 TP917541:TP917542 JT917541:JT917542 O917541:O917542 WWF852005:WWF852006 WMJ852005:WMJ852006 WCN852005:WCN852006 VSR852005:VSR852006 VIV852005:VIV852006 UYZ852005:UYZ852006 UPD852005:UPD852006 UFH852005:UFH852006 TVL852005:TVL852006 TLP852005:TLP852006 TBT852005:TBT852006 SRX852005:SRX852006 SIB852005:SIB852006 RYF852005:RYF852006 ROJ852005:ROJ852006 REN852005:REN852006 QUR852005:QUR852006 QKV852005:QKV852006 QAZ852005:QAZ852006 PRD852005:PRD852006 PHH852005:PHH852006 OXL852005:OXL852006 ONP852005:ONP852006 ODT852005:ODT852006 NTX852005:NTX852006 NKB852005:NKB852006 NAF852005:NAF852006 MQJ852005:MQJ852006 MGN852005:MGN852006 LWR852005:LWR852006 LMV852005:LMV852006 LCZ852005:LCZ852006 KTD852005:KTD852006 KJH852005:KJH852006 JZL852005:JZL852006 JPP852005:JPP852006 JFT852005:JFT852006 IVX852005:IVX852006 IMB852005:IMB852006 ICF852005:ICF852006 HSJ852005:HSJ852006 HIN852005:HIN852006 GYR852005:GYR852006 GOV852005:GOV852006 GEZ852005:GEZ852006 FVD852005:FVD852006 FLH852005:FLH852006 FBL852005:FBL852006 ERP852005:ERP852006 EHT852005:EHT852006 DXX852005:DXX852006 DOB852005:DOB852006 DEF852005:DEF852006 CUJ852005:CUJ852006 CKN852005:CKN852006 CAR852005:CAR852006 BQV852005:BQV852006 BGZ852005:BGZ852006 AXD852005:AXD852006 ANH852005:ANH852006 ADL852005:ADL852006 TP852005:TP852006 JT852005:JT852006 O852005:O852006 WWF786469:WWF786470 WMJ786469:WMJ786470 WCN786469:WCN786470 VSR786469:VSR786470 VIV786469:VIV786470 UYZ786469:UYZ786470 UPD786469:UPD786470 UFH786469:UFH786470 TVL786469:TVL786470 TLP786469:TLP786470 TBT786469:TBT786470 SRX786469:SRX786470 SIB786469:SIB786470 RYF786469:RYF786470 ROJ786469:ROJ786470 REN786469:REN786470 QUR786469:QUR786470 QKV786469:QKV786470 QAZ786469:QAZ786470 PRD786469:PRD786470 PHH786469:PHH786470 OXL786469:OXL786470 ONP786469:ONP786470 ODT786469:ODT786470 NTX786469:NTX786470 NKB786469:NKB786470 NAF786469:NAF786470 MQJ786469:MQJ786470 MGN786469:MGN786470 LWR786469:LWR786470 LMV786469:LMV786470 LCZ786469:LCZ786470 KTD786469:KTD786470 KJH786469:KJH786470 JZL786469:JZL786470 JPP786469:JPP786470 JFT786469:JFT786470 IVX786469:IVX786470 IMB786469:IMB786470 ICF786469:ICF786470 HSJ786469:HSJ786470 HIN786469:HIN786470 GYR786469:GYR786470 GOV786469:GOV786470 GEZ786469:GEZ786470 FVD786469:FVD786470 FLH786469:FLH786470 FBL786469:FBL786470 ERP786469:ERP786470 EHT786469:EHT786470 DXX786469:DXX786470 DOB786469:DOB786470 DEF786469:DEF786470 CUJ786469:CUJ786470 CKN786469:CKN786470 CAR786469:CAR786470 BQV786469:BQV786470 BGZ786469:BGZ786470 AXD786469:AXD786470 ANH786469:ANH786470 ADL786469:ADL786470 TP786469:TP786470 JT786469:JT786470 O786469:O786470 WWF720933:WWF720934 WMJ720933:WMJ720934 WCN720933:WCN720934 VSR720933:VSR720934 VIV720933:VIV720934 UYZ720933:UYZ720934 UPD720933:UPD720934 UFH720933:UFH720934 TVL720933:TVL720934 TLP720933:TLP720934 TBT720933:TBT720934 SRX720933:SRX720934 SIB720933:SIB720934 RYF720933:RYF720934 ROJ720933:ROJ720934 REN720933:REN720934 QUR720933:QUR720934 QKV720933:QKV720934 QAZ720933:QAZ720934 PRD720933:PRD720934 PHH720933:PHH720934 OXL720933:OXL720934 ONP720933:ONP720934 ODT720933:ODT720934 NTX720933:NTX720934 NKB720933:NKB720934 NAF720933:NAF720934 MQJ720933:MQJ720934 MGN720933:MGN720934 LWR720933:LWR720934 LMV720933:LMV720934 LCZ720933:LCZ720934 KTD720933:KTD720934 KJH720933:KJH720934 JZL720933:JZL720934 JPP720933:JPP720934 JFT720933:JFT720934 IVX720933:IVX720934 IMB720933:IMB720934 ICF720933:ICF720934 HSJ720933:HSJ720934 HIN720933:HIN720934 GYR720933:GYR720934 GOV720933:GOV720934 GEZ720933:GEZ720934 FVD720933:FVD720934 FLH720933:FLH720934 FBL720933:FBL720934 ERP720933:ERP720934 EHT720933:EHT720934 DXX720933:DXX720934 DOB720933:DOB720934 DEF720933:DEF720934 CUJ720933:CUJ720934 CKN720933:CKN720934 CAR720933:CAR720934 BQV720933:BQV720934 BGZ720933:BGZ720934 AXD720933:AXD720934 ANH720933:ANH720934 ADL720933:ADL720934 TP720933:TP720934 JT720933:JT720934 O720933:O720934 WWF655397:WWF655398 WMJ655397:WMJ655398 WCN655397:WCN655398 VSR655397:VSR655398 VIV655397:VIV655398 UYZ655397:UYZ655398 UPD655397:UPD655398 UFH655397:UFH655398 TVL655397:TVL655398 TLP655397:TLP655398 TBT655397:TBT655398 SRX655397:SRX655398 SIB655397:SIB655398 RYF655397:RYF655398 ROJ655397:ROJ655398 REN655397:REN655398 QUR655397:QUR655398 QKV655397:QKV655398 QAZ655397:QAZ655398 PRD655397:PRD655398 PHH655397:PHH655398 OXL655397:OXL655398 ONP655397:ONP655398 ODT655397:ODT655398 NTX655397:NTX655398 NKB655397:NKB655398 NAF655397:NAF655398 MQJ655397:MQJ655398 MGN655397:MGN655398 LWR655397:LWR655398 LMV655397:LMV655398 LCZ655397:LCZ655398 KTD655397:KTD655398 KJH655397:KJH655398 JZL655397:JZL655398 JPP655397:JPP655398 JFT655397:JFT655398 IVX655397:IVX655398 IMB655397:IMB655398 ICF655397:ICF655398 HSJ655397:HSJ655398 HIN655397:HIN655398 GYR655397:GYR655398 GOV655397:GOV655398 GEZ655397:GEZ655398 FVD655397:FVD655398 FLH655397:FLH655398 FBL655397:FBL655398 ERP655397:ERP655398 EHT655397:EHT655398 DXX655397:DXX655398 DOB655397:DOB655398 DEF655397:DEF655398 CUJ655397:CUJ655398 CKN655397:CKN655398 CAR655397:CAR655398 BQV655397:BQV655398 BGZ655397:BGZ655398 AXD655397:AXD655398 ANH655397:ANH655398 ADL655397:ADL655398 TP655397:TP655398 JT655397:JT655398 O655397:O655398 WWF589861:WWF589862 WMJ589861:WMJ589862 WCN589861:WCN589862 VSR589861:VSR589862 VIV589861:VIV589862 UYZ589861:UYZ589862 UPD589861:UPD589862 UFH589861:UFH589862 TVL589861:TVL589862 TLP589861:TLP589862 TBT589861:TBT589862 SRX589861:SRX589862 SIB589861:SIB589862 RYF589861:RYF589862 ROJ589861:ROJ589862 REN589861:REN589862 QUR589861:QUR589862 QKV589861:QKV589862 QAZ589861:QAZ589862 PRD589861:PRD589862 PHH589861:PHH589862 OXL589861:OXL589862 ONP589861:ONP589862 ODT589861:ODT589862 NTX589861:NTX589862 NKB589861:NKB589862 NAF589861:NAF589862 MQJ589861:MQJ589862 MGN589861:MGN589862 LWR589861:LWR589862 LMV589861:LMV589862 LCZ589861:LCZ589862 KTD589861:KTD589862 KJH589861:KJH589862 JZL589861:JZL589862 JPP589861:JPP589862 JFT589861:JFT589862 IVX589861:IVX589862 IMB589861:IMB589862 ICF589861:ICF589862 HSJ589861:HSJ589862 HIN589861:HIN589862 GYR589861:GYR589862 GOV589861:GOV589862 GEZ589861:GEZ589862 FVD589861:FVD589862 FLH589861:FLH589862 FBL589861:FBL589862 ERP589861:ERP589862 EHT589861:EHT589862 DXX589861:DXX589862 DOB589861:DOB589862 DEF589861:DEF589862 CUJ589861:CUJ589862 CKN589861:CKN589862 CAR589861:CAR589862 BQV589861:BQV589862 BGZ589861:BGZ589862 AXD589861:AXD589862 ANH589861:ANH589862 ADL589861:ADL589862 TP589861:TP589862 JT589861:JT589862 O589861:O589862 WWF524325:WWF524326 WMJ524325:WMJ524326 WCN524325:WCN524326 VSR524325:VSR524326 VIV524325:VIV524326 UYZ524325:UYZ524326 UPD524325:UPD524326 UFH524325:UFH524326 TVL524325:TVL524326 TLP524325:TLP524326 TBT524325:TBT524326 SRX524325:SRX524326 SIB524325:SIB524326 RYF524325:RYF524326 ROJ524325:ROJ524326 REN524325:REN524326 QUR524325:QUR524326 QKV524325:QKV524326 QAZ524325:QAZ524326 PRD524325:PRD524326 PHH524325:PHH524326 OXL524325:OXL524326 ONP524325:ONP524326 ODT524325:ODT524326 NTX524325:NTX524326 NKB524325:NKB524326 NAF524325:NAF524326 MQJ524325:MQJ524326 MGN524325:MGN524326 LWR524325:LWR524326 LMV524325:LMV524326 LCZ524325:LCZ524326 KTD524325:KTD524326 KJH524325:KJH524326 JZL524325:JZL524326 JPP524325:JPP524326 JFT524325:JFT524326 IVX524325:IVX524326 IMB524325:IMB524326 ICF524325:ICF524326 HSJ524325:HSJ524326 HIN524325:HIN524326 GYR524325:GYR524326 GOV524325:GOV524326 GEZ524325:GEZ524326 FVD524325:FVD524326 FLH524325:FLH524326 FBL524325:FBL524326 ERP524325:ERP524326 EHT524325:EHT524326 DXX524325:DXX524326 DOB524325:DOB524326 DEF524325:DEF524326 CUJ524325:CUJ524326 CKN524325:CKN524326 CAR524325:CAR524326 BQV524325:BQV524326 BGZ524325:BGZ524326 AXD524325:AXD524326 ANH524325:ANH524326 ADL524325:ADL524326 TP524325:TP524326 JT524325:JT524326 O524325:O524326 WWF458789:WWF458790 WMJ458789:WMJ458790 WCN458789:WCN458790 VSR458789:VSR458790 VIV458789:VIV458790 UYZ458789:UYZ458790 UPD458789:UPD458790 UFH458789:UFH458790 TVL458789:TVL458790 TLP458789:TLP458790 TBT458789:TBT458790 SRX458789:SRX458790 SIB458789:SIB458790 RYF458789:RYF458790 ROJ458789:ROJ458790 REN458789:REN458790 QUR458789:QUR458790 QKV458789:QKV458790 QAZ458789:QAZ458790 PRD458789:PRD458790 PHH458789:PHH458790 OXL458789:OXL458790 ONP458789:ONP458790 ODT458789:ODT458790 NTX458789:NTX458790 NKB458789:NKB458790 NAF458789:NAF458790 MQJ458789:MQJ458790 MGN458789:MGN458790 LWR458789:LWR458790 LMV458789:LMV458790 LCZ458789:LCZ458790 KTD458789:KTD458790 KJH458789:KJH458790 JZL458789:JZL458790 JPP458789:JPP458790 JFT458789:JFT458790 IVX458789:IVX458790 IMB458789:IMB458790 ICF458789:ICF458790 HSJ458789:HSJ458790 HIN458789:HIN458790 GYR458789:GYR458790 GOV458789:GOV458790 GEZ458789:GEZ458790 FVD458789:FVD458790 FLH458789:FLH458790 FBL458789:FBL458790 ERP458789:ERP458790 EHT458789:EHT458790 DXX458789:DXX458790 DOB458789:DOB458790 DEF458789:DEF458790 CUJ458789:CUJ458790 CKN458789:CKN458790 CAR458789:CAR458790 BQV458789:BQV458790 BGZ458789:BGZ458790 AXD458789:AXD458790 ANH458789:ANH458790 ADL458789:ADL458790 TP458789:TP458790 JT458789:JT458790 O458789:O458790 WWF393253:WWF393254 WMJ393253:WMJ393254 WCN393253:WCN393254 VSR393253:VSR393254 VIV393253:VIV393254 UYZ393253:UYZ393254 UPD393253:UPD393254 UFH393253:UFH393254 TVL393253:TVL393254 TLP393253:TLP393254 TBT393253:TBT393254 SRX393253:SRX393254 SIB393253:SIB393254 RYF393253:RYF393254 ROJ393253:ROJ393254 REN393253:REN393254 QUR393253:QUR393254 QKV393253:QKV393254 QAZ393253:QAZ393254 PRD393253:PRD393254 PHH393253:PHH393254 OXL393253:OXL393254 ONP393253:ONP393254 ODT393253:ODT393254 NTX393253:NTX393254 NKB393253:NKB393254 NAF393253:NAF393254 MQJ393253:MQJ393254 MGN393253:MGN393254 LWR393253:LWR393254 LMV393253:LMV393254 LCZ393253:LCZ393254 KTD393253:KTD393254 KJH393253:KJH393254 JZL393253:JZL393254 JPP393253:JPP393254 JFT393253:JFT393254 IVX393253:IVX393254 IMB393253:IMB393254 ICF393253:ICF393254 HSJ393253:HSJ393254 HIN393253:HIN393254 GYR393253:GYR393254 GOV393253:GOV393254 GEZ393253:GEZ393254 FVD393253:FVD393254 FLH393253:FLH393254 FBL393253:FBL393254 ERP393253:ERP393254 EHT393253:EHT393254 DXX393253:DXX393254 DOB393253:DOB393254 DEF393253:DEF393254 CUJ393253:CUJ393254 CKN393253:CKN393254 CAR393253:CAR393254 BQV393253:BQV393254 BGZ393253:BGZ393254 AXD393253:AXD393254 ANH393253:ANH393254 ADL393253:ADL393254 TP393253:TP393254 JT393253:JT393254 O393253:O393254 WWF327717:WWF327718 WMJ327717:WMJ327718 WCN327717:WCN327718 VSR327717:VSR327718 VIV327717:VIV327718 UYZ327717:UYZ327718 UPD327717:UPD327718 UFH327717:UFH327718 TVL327717:TVL327718 TLP327717:TLP327718 TBT327717:TBT327718 SRX327717:SRX327718 SIB327717:SIB327718 RYF327717:RYF327718 ROJ327717:ROJ327718 REN327717:REN327718 QUR327717:QUR327718 QKV327717:QKV327718 QAZ327717:QAZ327718 PRD327717:PRD327718 PHH327717:PHH327718 OXL327717:OXL327718 ONP327717:ONP327718 ODT327717:ODT327718 NTX327717:NTX327718 NKB327717:NKB327718 NAF327717:NAF327718 MQJ327717:MQJ327718 MGN327717:MGN327718 LWR327717:LWR327718 LMV327717:LMV327718 LCZ327717:LCZ327718 KTD327717:KTD327718 KJH327717:KJH327718 JZL327717:JZL327718 JPP327717:JPP327718 JFT327717:JFT327718 IVX327717:IVX327718 IMB327717:IMB327718 ICF327717:ICF327718 HSJ327717:HSJ327718 HIN327717:HIN327718 GYR327717:GYR327718 GOV327717:GOV327718 GEZ327717:GEZ327718 FVD327717:FVD327718 FLH327717:FLH327718 FBL327717:FBL327718 ERP327717:ERP327718 EHT327717:EHT327718 DXX327717:DXX327718 DOB327717:DOB327718 DEF327717:DEF327718 CUJ327717:CUJ327718 CKN327717:CKN327718 CAR327717:CAR327718 BQV327717:BQV327718 BGZ327717:BGZ327718 AXD327717:AXD327718 ANH327717:ANH327718 ADL327717:ADL327718 TP327717:TP327718 JT327717:JT327718 O327717:O327718 WWF262181:WWF262182 WMJ262181:WMJ262182 WCN262181:WCN262182 VSR262181:VSR262182 VIV262181:VIV262182 UYZ262181:UYZ262182 UPD262181:UPD262182 UFH262181:UFH262182 TVL262181:TVL262182 TLP262181:TLP262182 TBT262181:TBT262182 SRX262181:SRX262182 SIB262181:SIB262182 RYF262181:RYF262182 ROJ262181:ROJ262182 REN262181:REN262182 QUR262181:QUR262182 QKV262181:QKV262182 QAZ262181:QAZ262182 PRD262181:PRD262182 PHH262181:PHH262182 OXL262181:OXL262182 ONP262181:ONP262182 ODT262181:ODT262182 NTX262181:NTX262182 NKB262181:NKB262182 NAF262181:NAF262182 MQJ262181:MQJ262182 MGN262181:MGN262182 LWR262181:LWR262182 LMV262181:LMV262182 LCZ262181:LCZ262182 KTD262181:KTD262182 KJH262181:KJH262182 JZL262181:JZL262182 JPP262181:JPP262182 JFT262181:JFT262182 IVX262181:IVX262182 IMB262181:IMB262182 ICF262181:ICF262182 HSJ262181:HSJ262182 HIN262181:HIN262182 GYR262181:GYR262182 GOV262181:GOV262182 GEZ262181:GEZ262182 FVD262181:FVD262182 FLH262181:FLH262182 FBL262181:FBL262182 ERP262181:ERP262182 EHT262181:EHT262182 DXX262181:DXX262182 DOB262181:DOB262182 DEF262181:DEF262182 CUJ262181:CUJ262182 CKN262181:CKN262182 CAR262181:CAR262182 BQV262181:BQV262182 BGZ262181:BGZ262182 AXD262181:AXD262182 ANH262181:ANH262182 ADL262181:ADL262182 TP262181:TP262182 JT262181:JT262182 O262181:O262182 WWF196645:WWF196646 WMJ196645:WMJ196646 WCN196645:WCN196646 VSR196645:VSR196646 VIV196645:VIV196646 UYZ196645:UYZ196646 UPD196645:UPD196646 UFH196645:UFH196646 TVL196645:TVL196646 TLP196645:TLP196646 TBT196645:TBT196646 SRX196645:SRX196646 SIB196645:SIB196646 RYF196645:RYF196646 ROJ196645:ROJ196646 REN196645:REN196646 QUR196645:QUR196646 QKV196645:QKV196646 QAZ196645:QAZ196646 PRD196645:PRD196646 PHH196645:PHH196646 OXL196645:OXL196646 ONP196645:ONP196646 ODT196645:ODT196646 NTX196645:NTX196646 NKB196645:NKB196646 NAF196645:NAF196646 MQJ196645:MQJ196646 MGN196645:MGN196646 LWR196645:LWR196646 LMV196645:LMV196646 LCZ196645:LCZ196646 KTD196645:KTD196646 KJH196645:KJH196646 JZL196645:JZL196646 JPP196645:JPP196646 JFT196645:JFT196646 IVX196645:IVX196646 IMB196645:IMB196646 ICF196645:ICF196646 HSJ196645:HSJ196646 HIN196645:HIN196646 GYR196645:GYR196646 GOV196645:GOV196646 GEZ196645:GEZ196646 FVD196645:FVD196646 FLH196645:FLH196646 FBL196645:FBL196646 ERP196645:ERP196646 EHT196645:EHT196646 DXX196645:DXX196646 DOB196645:DOB196646 DEF196645:DEF196646 CUJ196645:CUJ196646 CKN196645:CKN196646 CAR196645:CAR196646 BQV196645:BQV196646 BGZ196645:BGZ196646 AXD196645:AXD196646 ANH196645:ANH196646 ADL196645:ADL196646 TP196645:TP196646 JT196645:JT196646 O196645:O196646 WWF131109:WWF131110 WMJ131109:WMJ131110 WCN131109:WCN131110 VSR131109:VSR131110 VIV131109:VIV131110 UYZ131109:UYZ131110 UPD131109:UPD131110 UFH131109:UFH131110 TVL131109:TVL131110 TLP131109:TLP131110 TBT131109:TBT131110 SRX131109:SRX131110 SIB131109:SIB131110 RYF131109:RYF131110 ROJ131109:ROJ131110 REN131109:REN131110 QUR131109:QUR131110 QKV131109:QKV131110 QAZ131109:QAZ131110 PRD131109:PRD131110 PHH131109:PHH131110 OXL131109:OXL131110 ONP131109:ONP131110 ODT131109:ODT131110 NTX131109:NTX131110 NKB131109:NKB131110 NAF131109:NAF131110 MQJ131109:MQJ131110 MGN131109:MGN131110 LWR131109:LWR131110 LMV131109:LMV131110 LCZ131109:LCZ131110 KTD131109:KTD131110 KJH131109:KJH131110 JZL131109:JZL131110 JPP131109:JPP131110 JFT131109:JFT131110 IVX131109:IVX131110 IMB131109:IMB131110 ICF131109:ICF131110 HSJ131109:HSJ131110 HIN131109:HIN131110 GYR131109:GYR131110 GOV131109:GOV131110 GEZ131109:GEZ131110 FVD131109:FVD131110 FLH131109:FLH131110 FBL131109:FBL131110 ERP131109:ERP131110 EHT131109:EHT131110 DXX131109:DXX131110 DOB131109:DOB131110 DEF131109:DEF131110 CUJ131109:CUJ131110 CKN131109:CKN131110 CAR131109:CAR131110 BQV131109:BQV131110 BGZ131109:BGZ131110 AXD131109:AXD131110 ANH131109:ANH131110 ADL131109:ADL131110 TP131109:TP131110 JT131109:JT131110 O131109:O131110 WWF65573:WWF65574 WMJ65573:WMJ65574 WCN65573:WCN65574 VSR65573:VSR65574 VIV65573:VIV65574 UYZ65573:UYZ65574 UPD65573:UPD65574 UFH65573:UFH65574 TVL65573:TVL65574 TLP65573:TLP65574 TBT65573:TBT65574 SRX65573:SRX65574 SIB65573:SIB65574 RYF65573:RYF65574 ROJ65573:ROJ65574 REN65573:REN65574 QUR65573:QUR65574 QKV65573:QKV65574 QAZ65573:QAZ65574 PRD65573:PRD65574 PHH65573:PHH65574 OXL65573:OXL65574 ONP65573:ONP65574 ODT65573:ODT65574 NTX65573:NTX65574 NKB65573:NKB65574 NAF65573:NAF65574 MQJ65573:MQJ65574 MGN65573:MGN65574 LWR65573:LWR65574 LMV65573:LMV65574 LCZ65573:LCZ65574 KTD65573:KTD65574 KJH65573:KJH65574 JZL65573:JZL65574 JPP65573:JPP65574 JFT65573:JFT65574 IVX65573:IVX65574 IMB65573:IMB65574 ICF65573:ICF65574 HSJ65573:HSJ65574 HIN65573:HIN65574 GYR65573:GYR65574 GOV65573:GOV65574 GEZ65573:GEZ65574 FVD65573:FVD65574 FLH65573:FLH65574 FBL65573:FBL65574 ERP65573:ERP65574 EHT65573:EHT65574 DXX65573:DXX65574 DOB65573:DOB65574 DEF65573:DEF65574 CUJ65573:CUJ65574 CKN65573:CKN65574 CAR65573:CAR65574 BQV65573:BQV65574 BGZ65573:BGZ65574 AXD65573:AXD65574 ANH65573:ANH65574 ADL65573:ADL65574 TP65573:TP65574 JT65573:JT65574 O65573:O65574 WWF41:WWF42 WMJ41:WMJ42 WCN41:WCN42 VSR41:VSR42 VIV41:VIV42 UYZ41:UYZ42 UPD41:UPD42 UFH41:UFH42 TVL41:TVL42 TLP41:TLP42 TBT41:TBT42 SRX41:SRX42 SIB41:SIB42 RYF41:RYF42 ROJ41:ROJ42 REN41:REN42 QUR41:QUR42 QKV41:QKV42 QAZ41:QAZ42 PRD41:PRD42 PHH41:PHH42 OXL41:OXL42 ONP41:ONP42 ODT41:ODT42 NTX41:NTX42 NKB41:NKB42 NAF41:NAF42 MQJ41:MQJ42 MGN41:MGN42 LWR41:LWR42 LMV41:LMV42 LCZ41:LCZ42 KTD41:KTD42 KJH41:KJH42 JZL41:JZL42 JPP41:JPP42 JFT41:JFT42 IVX41:IVX42 IMB41:IMB42 ICF41:ICF42 HSJ41:HSJ42 HIN41:HIN42 GYR41:GYR42 GOV41:GOV42 GEZ41:GEZ42 FVD41:FVD42 FLH41:FLH42 FBL41:FBL42 ERP41:ERP42 EHT41:EHT42 DXX41:DXX42 DOB41:DOB42 DEF41:DEF42 CUJ41:CUJ42 CKN41:CKN42 CAR41:CAR42 BQV41:BQV42 BGZ41:BGZ42 AXD41:AXD42 ANH41:ANH42 ADL41:ADL42 TP41:TP42 JT41:JT42 WWF983080:WWF983104 WMJ983080:WMJ983104 WCN983080:WCN983104 VSR983080:VSR983104 VIV983080:VIV983104 UYZ983080:UYZ983104 UPD983080:UPD983104 UFH983080:UFH983104 TVL983080:TVL983104 TLP983080:TLP983104 TBT983080:TBT983104 SRX983080:SRX983104 SIB983080:SIB983104 RYF983080:RYF983104 ROJ983080:ROJ983104 REN983080:REN983104 QUR983080:QUR983104 QKV983080:QKV983104 QAZ983080:QAZ983104 PRD983080:PRD983104 PHH983080:PHH983104 OXL983080:OXL983104 ONP983080:ONP983104 ODT983080:ODT983104 NTX983080:NTX983104 NKB983080:NKB983104 NAF983080:NAF983104 MQJ983080:MQJ983104 MGN983080:MGN983104 LWR983080:LWR983104 LMV983080:LMV983104 LCZ983080:LCZ983104 KTD983080:KTD983104 KJH983080:KJH983104 JZL983080:JZL983104 JPP983080:JPP983104 JFT983080:JFT983104 IVX983080:IVX983104 IMB983080:IMB983104 ICF983080:ICF983104 HSJ983080:HSJ983104 HIN983080:HIN983104 GYR983080:GYR983104 GOV983080:GOV983104 GEZ983080:GEZ983104 FVD983080:FVD983104 FLH983080:FLH983104 FBL983080:FBL983104 ERP983080:ERP983104 EHT983080:EHT983104 DXX983080:DXX983104 DOB983080:DOB983104 DEF983080:DEF983104 CUJ983080:CUJ983104 CKN983080:CKN983104 CAR983080:CAR983104 BQV983080:BQV983104 BGZ983080:BGZ983104 AXD983080:AXD983104 ANH983080:ANH983104 ADL983080:ADL983104 TP983080:TP983104 JT983080:JT983104 O983080:O983104 WWF917544:WWF917568 WMJ917544:WMJ917568 WCN917544:WCN917568 VSR917544:VSR917568 VIV917544:VIV917568 UYZ917544:UYZ917568 UPD917544:UPD917568 UFH917544:UFH917568 TVL917544:TVL917568 TLP917544:TLP917568 TBT917544:TBT917568 SRX917544:SRX917568 SIB917544:SIB917568 RYF917544:RYF917568 ROJ917544:ROJ917568 REN917544:REN917568 QUR917544:QUR917568 QKV917544:QKV917568 QAZ917544:QAZ917568 PRD917544:PRD917568 PHH917544:PHH917568 OXL917544:OXL917568 ONP917544:ONP917568 ODT917544:ODT917568 NTX917544:NTX917568 NKB917544:NKB917568 NAF917544:NAF917568 MQJ917544:MQJ917568 MGN917544:MGN917568 LWR917544:LWR917568 LMV917544:LMV917568 LCZ917544:LCZ917568 KTD917544:KTD917568 KJH917544:KJH917568 JZL917544:JZL917568 JPP917544:JPP917568 JFT917544:JFT917568 IVX917544:IVX917568 IMB917544:IMB917568 ICF917544:ICF917568 HSJ917544:HSJ917568 HIN917544:HIN917568 GYR917544:GYR917568 GOV917544:GOV917568 GEZ917544:GEZ917568 FVD917544:FVD917568 FLH917544:FLH917568 FBL917544:FBL917568 ERP917544:ERP917568 EHT917544:EHT917568 DXX917544:DXX917568 DOB917544:DOB917568 DEF917544:DEF917568 CUJ917544:CUJ917568 CKN917544:CKN917568 CAR917544:CAR917568 BQV917544:BQV917568 BGZ917544:BGZ917568 AXD917544:AXD917568 ANH917544:ANH917568 ADL917544:ADL917568 TP917544:TP917568 JT917544:JT917568 O917544:O917568 WWF852008:WWF852032 WMJ852008:WMJ852032 WCN852008:WCN852032 VSR852008:VSR852032 VIV852008:VIV852032 UYZ852008:UYZ852032 UPD852008:UPD852032 UFH852008:UFH852032 TVL852008:TVL852032 TLP852008:TLP852032 TBT852008:TBT852032 SRX852008:SRX852032 SIB852008:SIB852032 RYF852008:RYF852032 ROJ852008:ROJ852032 REN852008:REN852032 QUR852008:QUR852032 QKV852008:QKV852032 QAZ852008:QAZ852032 PRD852008:PRD852032 PHH852008:PHH852032 OXL852008:OXL852032 ONP852008:ONP852032 ODT852008:ODT852032 NTX852008:NTX852032 NKB852008:NKB852032 NAF852008:NAF852032 MQJ852008:MQJ852032 MGN852008:MGN852032 LWR852008:LWR852032 LMV852008:LMV852032 LCZ852008:LCZ852032 KTD852008:KTD852032 KJH852008:KJH852032 JZL852008:JZL852032 JPP852008:JPP852032 JFT852008:JFT852032 IVX852008:IVX852032 IMB852008:IMB852032 ICF852008:ICF852032 HSJ852008:HSJ852032 HIN852008:HIN852032 GYR852008:GYR852032 GOV852008:GOV852032 GEZ852008:GEZ852032 FVD852008:FVD852032 FLH852008:FLH852032 FBL852008:FBL852032 ERP852008:ERP852032 EHT852008:EHT852032 DXX852008:DXX852032 DOB852008:DOB852032 DEF852008:DEF852032 CUJ852008:CUJ852032 CKN852008:CKN852032 CAR852008:CAR852032 BQV852008:BQV852032 BGZ852008:BGZ852032 AXD852008:AXD852032 ANH852008:ANH852032 ADL852008:ADL852032 TP852008:TP852032 JT852008:JT852032 O852008:O852032 WWF786472:WWF786496 WMJ786472:WMJ786496 WCN786472:WCN786496 VSR786472:VSR786496 VIV786472:VIV786496 UYZ786472:UYZ786496 UPD786472:UPD786496 UFH786472:UFH786496 TVL786472:TVL786496 TLP786472:TLP786496 TBT786472:TBT786496 SRX786472:SRX786496 SIB786472:SIB786496 RYF786472:RYF786496 ROJ786472:ROJ786496 REN786472:REN786496 QUR786472:QUR786496 QKV786472:QKV786496 QAZ786472:QAZ786496 PRD786472:PRD786496 PHH786472:PHH786496 OXL786472:OXL786496 ONP786472:ONP786496 ODT786472:ODT786496 NTX786472:NTX786496 NKB786472:NKB786496 NAF786472:NAF786496 MQJ786472:MQJ786496 MGN786472:MGN786496 LWR786472:LWR786496 LMV786472:LMV786496 LCZ786472:LCZ786496 KTD786472:KTD786496 KJH786472:KJH786496 JZL786472:JZL786496 JPP786472:JPP786496 JFT786472:JFT786496 IVX786472:IVX786496 IMB786472:IMB786496 ICF786472:ICF786496 HSJ786472:HSJ786496 HIN786472:HIN786496 GYR786472:GYR786496 GOV786472:GOV786496 GEZ786472:GEZ786496 FVD786472:FVD786496 FLH786472:FLH786496 FBL786472:FBL786496 ERP786472:ERP786496 EHT786472:EHT786496 DXX786472:DXX786496 DOB786472:DOB786496 DEF786472:DEF786496 CUJ786472:CUJ786496 CKN786472:CKN786496 CAR786472:CAR786496 BQV786472:BQV786496 BGZ786472:BGZ786496 AXD786472:AXD786496 ANH786472:ANH786496 ADL786472:ADL786496 TP786472:TP786496 JT786472:JT786496 O786472:O786496 WWF720936:WWF720960 WMJ720936:WMJ720960 WCN720936:WCN720960 VSR720936:VSR720960 VIV720936:VIV720960 UYZ720936:UYZ720960 UPD720936:UPD720960 UFH720936:UFH720960 TVL720936:TVL720960 TLP720936:TLP720960 TBT720936:TBT720960 SRX720936:SRX720960 SIB720936:SIB720960 RYF720936:RYF720960 ROJ720936:ROJ720960 REN720936:REN720960 QUR720936:QUR720960 QKV720936:QKV720960 QAZ720936:QAZ720960 PRD720936:PRD720960 PHH720936:PHH720960 OXL720936:OXL720960 ONP720936:ONP720960 ODT720936:ODT720960 NTX720936:NTX720960 NKB720936:NKB720960 NAF720936:NAF720960 MQJ720936:MQJ720960 MGN720936:MGN720960 LWR720936:LWR720960 LMV720936:LMV720960 LCZ720936:LCZ720960 KTD720936:KTD720960 KJH720936:KJH720960 JZL720936:JZL720960 JPP720936:JPP720960 JFT720936:JFT720960 IVX720936:IVX720960 IMB720936:IMB720960 ICF720936:ICF720960 HSJ720936:HSJ720960 HIN720936:HIN720960 GYR720936:GYR720960 GOV720936:GOV720960 GEZ720936:GEZ720960 FVD720936:FVD720960 FLH720936:FLH720960 FBL720936:FBL720960 ERP720936:ERP720960 EHT720936:EHT720960 DXX720936:DXX720960 DOB720936:DOB720960 DEF720936:DEF720960 CUJ720936:CUJ720960 CKN720936:CKN720960 CAR720936:CAR720960 BQV720936:BQV720960 BGZ720936:BGZ720960 AXD720936:AXD720960 ANH720936:ANH720960 ADL720936:ADL720960 TP720936:TP720960 JT720936:JT720960 O720936:O720960 WWF655400:WWF655424 WMJ655400:WMJ655424 WCN655400:WCN655424 VSR655400:VSR655424 VIV655400:VIV655424 UYZ655400:UYZ655424 UPD655400:UPD655424 UFH655400:UFH655424 TVL655400:TVL655424 TLP655400:TLP655424 TBT655400:TBT655424 SRX655400:SRX655424 SIB655400:SIB655424 RYF655400:RYF655424 ROJ655400:ROJ655424 REN655400:REN655424 QUR655400:QUR655424 QKV655400:QKV655424 QAZ655400:QAZ655424 PRD655400:PRD655424 PHH655400:PHH655424 OXL655400:OXL655424 ONP655400:ONP655424 ODT655400:ODT655424 NTX655400:NTX655424 NKB655400:NKB655424 NAF655400:NAF655424 MQJ655400:MQJ655424 MGN655400:MGN655424 LWR655400:LWR655424 LMV655400:LMV655424 LCZ655400:LCZ655424 KTD655400:KTD655424 KJH655400:KJH655424 JZL655400:JZL655424 JPP655400:JPP655424 JFT655400:JFT655424 IVX655400:IVX655424 IMB655400:IMB655424 ICF655400:ICF655424 HSJ655400:HSJ655424 HIN655400:HIN655424 GYR655400:GYR655424 GOV655400:GOV655424 GEZ655400:GEZ655424 FVD655400:FVD655424 FLH655400:FLH655424 FBL655400:FBL655424 ERP655400:ERP655424 EHT655400:EHT655424 DXX655400:DXX655424 DOB655400:DOB655424 DEF655400:DEF655424 CUJ655400:CUJ655424 CKN655400:CKN655424 CAR655400:CAR655424 BQV655400:BQV655424 BGZ655400:BGZ655424 AXD655400:AXD655424 ANH655400:ANH655424 ADL655400:ADL655424 TP655400:TP655424 JT655400:JT655424 O655400:O655424 WWF589864:WWF589888 WMJ589864:WMJ589888 WCN589864:WCN589888 VSR589864:VSR589888 VIV589864:VIV589888 UYZ589864:UYZ589888 UPD589864:UPD589888 UFH589864:UFH589888 TVL589864:TVL589888 TLP589864:TLP589888 TBT589864:TBT589888 SRX589864:SRX589888 SIB589864:SIB589888 RYF589864:RYF589888 ROJ589864:ROJ589888 REN589864:REN589888 QUR589864:QUR589888 QKV589864:QKV589888 QAZ589864:QAZ589888 PRD589864:PRD589888 PHH589864:PHH589888 OXL589864:OXL589888 ONP589864:ONP589888 ODT589864:ODT589888 NTX589864:NTX589888 NKB589864:NKB589888 NAF589864:NAF589888 MQJ589864:MQJ589888 MGN589864:MGN589888 LWR589864:LWR589888 LMV589864:LMV589888 LCZ589864:LCZ589888 KTD589864:KTD589888 KJH589864:KJH589888 JZL589864:JZL589888 JPP589864:JPP589888 JFT589864:JFT589888 IVX589864:IVX589888 IMB589864:IMB589888 ICF589864:ICF589888 HSJ589864:HSJ589888 HIN589864:HIN589888 GYR589864:GYR589888 GOV589864:GOV589888 GEZ589864:GEZ589888 FVD589864:FVD589888 FLH589864:FLH589888 FBL589864:FBL589888 ERP589864:ERP589888 EHT589864:EHT589888 DXX589864:DXX589888 DOB589864:DOB589888 DEF589864:DEF589888 CUJ589864:CUJ589888 CKN589864:CKN589888 CAR589864:CAR589888 BQV589864:BQV589888 BGZ589864:BGZ589888 AXD589864:AXD589888 ANH589864:ANH589888 ADL589864:ADL589888 TP589864:TP589888 JT589864:JT589888 O589864:O589888 WWF524328:WWF524352 WMJ524328:WMJ524352 WCN524328:WCN524352 VSR524328:VSR524352 VIV524328:VIV524352 UYZ524328:UYZ524352 UPD524328:UPD524352 UFH524328:UFH524352 TVL524328:TVL524352 TLP524328:TLP524352 TBT524328:TBT524352 SRX524328:SRX524352 SIB524328:SIB524352 RYF524328:RYF524352 ROJ524328:ROJ524352 REN524328:REN524352 QUR524328:QUR524352 QKV524328:QKV524352 QAZ524328:QAZ524352 PRD524328:PRD524352 PHH524328:PHH524352 OXL524328:OXL524352 ONP524328:ONP524352 ODT524328:ODT524352 NTX524328:NTX524352 NKB524328:NKB524352 NAF524328:NAF524352 MQJ524328:MQJ524352 MGN524328:MGN524352 LWR524328:LWR524352 LMV524328:LMV524352 LCZ524328:LCZ524352 KTD524328:KTD524352 KJH524328:KJH524352 JZL524328:JZL524352 JPP524328:JPP524352 JFT524328:JFT524352 IVX524328:IVX524352 IMB524328:IMB524352 ICF524328:ICF524352 HSJ524328:HSJ524352 HIN524328:HIN524352 GYR524328:GYR524352 GOV524328:GOV524352 GEZ524328:GEZ524352 FVD524328:FVD524352 FLH524328:FLH524352 FBL524328:FBL524352 ERP524328:ERP524352 EHT524328:EHT524352 DXX524328:DXX524352 DOB524328:DOB524352 DEF524328:DEF524352 CUJ524328:CUJ524352 CKN524328:CKN524352 CAR524328:CAR524352 BQV524328:BQV524352 BGZ524328:BGZ524352 AXD524328:AXD524352 ANH524328:ANH524352 ADL524328:ADL524352 TP524328:TP524352 JT524328:JT524352 O524328:O524352 WWF458792:WWF458816 WMJ458792:WMJ458816 WCN458792:WCN458816 VSR458792:VSR458816 VIV458792:VIV458816 UYZ458792:UYZ458816 UPD458792:UPD458816 UFH458792:UFH458816 TVL458792:TVL458816 TLP458792:TLP458816 TBT458792:TBT458816 SRX458792:SRX458816 SIB458792:SIB458816 RYF458792:RYF458816 ROJ458792:ROJ458816 REN458792:REN458816 QUR458792:QUR458816 QKV458792:QKV458816 QAZ458792:QAZ458816 PRD458792:PRD458816 PHH458792:PHH458816 OXL458792:OXL458816 ONP458792:ONP458816 ODT458792:ODT458816 NTX458792:NTX458816 NKB458792:NKB458816 NAF458792:NAF458816 MQJ458792:MQJ458816 MGN458792:MGN458816 LWR458792:LWR458816 LMV458792:LMV458816 LCZ458792:LCZ458816 KTD458792:KTD458816 KJH458792:KJH458816 JZL458792:JZL458816 JPP458792:JPP458816 JFT458792:JFT458816 IVX458792:IVX458816 IMB458792:IMB458816 ICF458792:ICF458816 HSJ458792:HSJ458816 HIN458792:HIN458816 GYR458792:GYR458816 GOV458792:GOV458816 GEZ458792:GEZ458816 FVD458792:FVD458816 FLH458792:FLH458816 FBL458792:FBL458816 ERP458792:ERP458816 EHT458792:EHT458816 DXX458792:DXX458816 DOB458792:DOB458816 DEF458792:DEF458816 CUJ458792:CUJ458816 CKN458792:CKN458816 CAR458792:CAR458816 BQV458792:BQV458816 BGZ458792:BGZ458816 AXD458792:AXD458816 ANH458792:ANH458816 ADL458792:ADL458816 TP458792:TP458816 JT458792:JT458816 O458792:O458816 WWF393256:WWF393280 WMJ393256:WMJ393280 WCN393256:WCN393280 VSR393256:VSR393280 VIV393256:VIV393280 UYZ393256:UYZ393280 UPD393256:UPD393280 UFH393256:UFH393280 TVL393256:TVL393280 TLP393256:TLP393280 TBT393256:TBT393280 SRX393256:SRX393280 SIB393256:SIB393280 RYF393256:RYF393280 ROJ393256:ROJ393280 REN393256:REN393280 QUR393256:QUR393280 QKV393256:QKV393280 QAZ393256:QAZ393280 PRD393256:PRD393280 PHH393256:PHH393280 OXL393256:OXL393280 ONP393256:ONP393280 ODT393256:ODT393280 NTX393256:NTX393280 NKB393256:NKB393280 NAF393256:NAF393280 MQJ393256:MQJ393280 MGN393256:MGN393280 LWR393256:LWR393280 LMV393256:LMV393280 LCZ393256:LCZ393280 KTD393256:KTD393280 KJH393256:KJH393280 JZL393256:JZL393280 JPP393256:JPP393280 JFT393256:JFT393280 IVX393256:IVX393280 IMB393256:IMB393280 ICF393256:ICF393280 HSJ393256:HSJ393280 HIN393256:HIN393280 GYR393256:GYR393280 GOV393256:GOV393280 GEZ393256:GEZ393280 FVD393256:FVD393280 FLH393256:FLH393280 FBL393256:FBL393280 ERP393256:ERP393280 EHT393256:EHT393280 DXX393256:DXX393280 DOB393256:DOB393280 DEF393256:DEF393280 CUJ393256:CUJ393280 CKN393256:CKN393280 CAR393256:CAR393280 BQV393256:BQV393280 BGZ393256:BGZ393280 AXD393256:AXD393280 ANH393256:ANH393280 ADL393256:ADL393280 TP393256:TP393280 JT393256:JT393280 O393256:O393280 WWF327720:WWF327744 WMJ327720:WMJ327744 WCN327720:WCN327744 VSR327720:VSR327744 VIV327720:VIV327744 UYZ327720:UYZ327744 UPD327720:UPD327744 UFH327720:UFH327744 TVL327720:TVL327744 TLP327720:TLP327744 TBT327720:TBT327744 SRX327720:SRX327744 SIB327720:SIB327744 RYF327720:RYF327744 ROJ327720:ROJ327744 REN327720:REN327744 QUR327720:QUR327744 QKV327720:QKV327744 QAZ327720:QAZ327744 PRD327720:PRD327744 PHH327720:PHH327744 OXL327720:OXL327744 ONP327720:ONP327744 ODT327720:ODT327744 NTX327720:NTX327744 NKB327720:NKB327744 NAF327720:NAF327744 MQJ327720:MQJ327744 MGN327720:MGN327744 LWR327720:LWR327744 LMV327720:LMV327744 LCZ327720:LCZ327744 KTD327720:KTD327744 KJH327720:KJH327744 JZL327720:JZL327744 JPP327720:JPP327744 JFT327720:JFT327744 IVX327720:IVX327744 IMB327720:IMB327744 ICF327720:ICF327744 HSJ327720:HSJ327744 HIN327720:HIN327744 GYR327720:GYR327744 GOV327720:GOV327744 GEZ327720:GEZ327744 FVD327720:FVD327744 FLH327720:FLH327744 FBL327720:FBL327744 ERP327720:ERP327744 EHT327720:EHT327744 DXX327720:DXX327744 DOB327720:DOB327744 DEF327720:DEF327744 CUJ327720:CUJ327744 CKN327720:CKN327744 CAR327720:CAR327744 BQV327720:BQV327744 BGZ327720:BGZ327744 AXD327720:AXD327744 ANH327720:ANH327744 ADL327720:ADL327744 TP327720:TP327744 JT327720:JT327744 O327720:O327744 WWF262184:WWF262208 WMJ262184:WMJ262208 WCN262184:WCN262208 VSR262184:VSR262208 VIV262184:VIV262208 UYZ262184:UYZ262208 UPD262184:UPD262208 UFH262184:UFH262208 TVL262184:TVL262208 TLP262184:TLP262208 TBT262184:TBT262208 SRX262184:SRX262208 SIB262184:SIB262208 RYF262184:RYF262208 ROJ262184:ROJ262208 REN262184:REN262208 QUR262184:QUR262208 QKV262184:QKV262208 QAZ262184:QAZ262208 PRD262184:PRD262208 PHH262184:PHH262208 OXL262184:OXL262208 ONP262184:ONP262208 ODT262184:ODT262208 NTX262184:NTX262208 NKB262184:NKB262208 NAF262184:NAF262208 MQJ262184:MQJ262208 MGN262184:MGN262208 LWR262184:LWR262208 LMV262184:LMV262208 LCZ262184:LCZ262208 KTD262184:KTD262208 KJH262184:KJH262208 JZL262184:JZL262208 JPP262184:JPP262208 JFT262184:JFT262208 IVX262184:IVX262208 IMB262184:IMB262208 ICF262184:ICF262208 HSJ262184:HSJ262208 HIN262184:HIN262208 GYR262184:GYR262208 GOV262184:GOV262208 GEZ262184:GEZ262208 FVD262184:FVD262208 FLH262184:FLH262208 FBL262184:FBL262208 ERP262184:ERP262208 EHT262184:EHT262208 DXX262184:DXX262208 DOB262184:DOB262208 DEF262184:DEF262208 CUJ262184:CUJ262208 CKN262184:CKN262208 CAR262184:CAR262208 BQV262184:BQV262208 BGZ262184:BGZ262208 AXD262184:AXD262208 ANH262184:ANH262208 ADL262184:ADL262208 TP262184:TP262208 JT262184:JT262208 O262184:O262208 WWF196648:WWF196672 WMJ196648:WMJ196672 WCN196648:WCN196672 VSR196648:VSR196672 VIV196648:VIV196672 UYZ196648:UYZ196672 UPD196648:UPD196672 UFH196648:UFH196672 TVL196648:TVL196672 TLP196648:TLP196672 TBT196648:TBT196672 SRX196648:SRX196672 SIB196648:SIB196672 RYF196648:RYF196672 ROJ196648:ROJ196672 REN196648:REN196672 QUR196648:QUR196672 QKV196648:QKV196672 QAZ196648:QAZ196672 PRD196648:PRD196672 PHH196648:PHH196672 OXL196648:OXL196672 ONP196648:ONP196672 ODT196648:ODT196672 NTX196648:NTX196672 NKB196648:NKB196672 NAF196648:NAF196672 MQJ196648:MQJ196672 MGN196648:MGN196672 LWR196648:LWR196672 LMV196648:LMV196672 LCZ196648:LCZ196672 KTD196648:KTD196672 KJH196648:KJH196672 JZL196648:JZL196672 JPP196648:JPP196672 JFT196648:JFT196672 IVX196648:IVX196672 IMB196648:IMB196672 ICF196648:ICF196672 HSJ196648:HSJ196672 HIN196648:HIN196672 GYR196648:GYR196672 GOV196648:GOV196672 GEZ196648:GEZ196672 FVD196648:FVD196672 FLH196648:FLH196672 FBL196648:FBL196672 ERP196648:ERP196672 EHT196648:EHT196672 DXX196648:DXX196672 DOB196648:DOB196672 DEF196648:DEF196672 CUJ196648:CUJ196672 CKN196648:CKN196672 CAR196648:CAR196672 BQV196648:BQV196672 BGZ196648:BGZ196672 AXD196648:AXD196672 ANH196648:ANH196672 ADL196648:ADL196672 TP196648:TP196672 JT196648:JT196672 O196648:O196672 WWF131112:WWF131136 WMJ131112:WMJ131136 WCN131112:WCN131136 VSR131112:VSR131136 VIV131112:VIV131136 UYZ131112:UYZ131136 UPD131112:UPD131136 UFH131112:UFH131136 TVL131112:TVL131136 TLP131112:TLP131136 TBT131112:TBT131136 SRX131112:SRX131136 SIB131112:SIB131136 RYF131112:RYF131136 ROJ131112:ROJ131136 REN131112:REN131136 QUR131112:QUR131136 QKV131112:QKV131136 QAZ131112:QAZ131136 PRD131112:PRD131136 PHH131112:PHH131136 OXL131112:OXL131136 ONP131112:ONP131136 ODT131112:ODT131136 NTX131112:NTX131136 NKB131112:NKB131136 NAF131112:NAF131136 MQJ131112:MQJ131136 MGN131112:MGN131136 LWR131112:LWR131136 LMV131112:LMV131136 LCZ131112:LCZ131136 KTD131112:KTD131136 KJH131112:KJH131136 JZL131112:JZL131136 JPP131112:JPP131136 JFT131112:JFT131136 IVX131112:IVX131136 IMB131112:IMB131136 ICF131112:ICF131136 HSJ131112:HSJ131136 HIN131112:HIN131136 GYR131112:GYR131136 GOV131112:GOV131136 GEZ131112:GEZ131136 FVD131112:FVD131136 FLH131112:FLH131136 FBL131112:FBL131136 ERP131112:ERP131136 EHT131112:EHT131136 DXX131112:DXX131136 DOB131112:DOB131136 DEF131112:DEF131136 CUJ131112:CUJ131136 CKN131112:CKN131136 CAR131112:CAR131136 BQV131112:BQV131136 BGZ131112:BGZ131136 AXD131112:AXD131136 ANH131112:ANH131136 ADL131112:ADL131136 TP131112:TP131136 JT131112:JT131136 O131112:O131136 WWF65576:WWF65600 WMJ65576:WMJ65600 WCN65576:WCN65600 VSR65576:VSR65600 VIV65576:VIV65600 UYZ65576:UYZ65600 UPD65576:UPD65600 UFH65576:UFH65600 TVL65576:TVL65600 TLP65576:TLP65600 TBT65576:TBT65600 SRX65576:SRX65600 SIB65576:SIB65600 RYF65576:RYF65600 ROJ65576:ROJ65600 REN65576:REN65600 QUR65576:QUR65600 QKV65576:QKV65600 QAZ65576:QAZ65600 PRD65576:PRD65600 PHH65576:PHH65600 OXL65576:OXL65600 ONP65576:ONP65600 ODT65576:ODT65600 NTX65576:NTX65600 NKB65576:NKB65600 NAF65576:NAF65600 MQJ65576:MQJ65600 MGN65576:MGN65600 LWR65576:LWR65600 LMV65576:LMV65600 LCZ65576:LCZ65600 KTD65576:KTD65600 KJH65576:KJH65600 JZL65576:JZL65600 JPP65576:JPP65600 JFT65576:JFT65600 IVX65576:IVX65600 IMB65576:IMB65600 ICF65576:ICF65600 HSJ65576:HSJ65600 HIN65576:HIN65600 GYR65576:GYR65600 GOV65576:GOV65600 GEZ65576:GEZ65600 FVD65576:FVD65600 FLH65576:FLH65600 FBL65576:FBL65600 ERP65576:ERP65600 EHT65576:EHT65600 DXX65576:DXX65600 DOB65576:DOB65600 DEF65576:DEF65600 CUJ65576:CUJ65600 CKN65576:CKN65600 CAR65576:CAR65600 BQV65576:BQV65600 BGZ65576:BGZ65600 AXD65576:AXD65600 ANH65576:ANH65600 ADL65576:ADL65600 TP65576:TP65600 JT65576:JT65600 O65576:O65600 WWF44:WWF68 WMJ44:WMJ68 WCN44:WCN68 VSR44:VSR68 VIV44:VIV68 UYZ44:UYZ68 UPD44:UPD68 UFH44:UFH68 TVL44:TVL68 TLP44:TLP68 TBT44:TBT68 SRX44:SRX68 SIB44:SIB68 RYF44:RYF68 ROJ44:ROJ68 REN44:REN68 QUR44:QUR68 QKV44:QKV68 QAZ44:QAZ68 PRD44:PRD68 PHH44:PHH68 OXL44:OXL68 ONP44:ONP68 ODT44:ODT68 NTX44:NTX68 NKB44:NKB68 NAF44:NAF68 MQJ44:MQJ68 MGN44:MGN68 LWR44:LWR68 LMV44:LMV68 LCZ44:LCZ68 KTD44:KTD68 KJH44:KJH68 JZL44:JZL68 JPP44:JPP68 JFT44:JFT68 IVX44:IVX68 IMB44:IMB68 ICF44:ICF68 HSJ44:HSJ68 HIN44:HIN68 GYR44:GYR68 GOV44:GOV68 GEZ44:GEZ68 FVD44:FVD68 FLH44:FLH68 FBL44:FBL68 ERP44:ERP68 EHT44:EHT68 DXX44:DXX68 DOB44:DOB68 DEF44:DEF68 CUJ44:CUJ68 CKN44:CKN68 CAR44:CAR68 BQV44:BQV68 BGZ44:BGZ68 AXD44:AXD68 ANH44:ANH68 ADL44:ADL68 TP44:TP68 JT44:JT68 WVU983077:WWD983104 WLY983077:WMH983104 WCC983077:WCL983104 VSG983077:VSP983104 VIK983077:VIT983104 UYO983077:UYX983104 UOS983077:UPB983104 UEW983077:UFF983104 TVA983077:TVJ983104 TLE983077:TLN983104 TBI983077:TBR983104 SRM983077:SRV983104 SHQ983077:SHZ983104 RXU983077:RYD983104 RNY983077:ROH983104 REC983077:REL983104 QUG983077:QUP983104 QKK983077:QKT983104 QAO983077:QAX983104 PQS983077:PRB983104 PGW983077:PHF983104 OXA983077:OXJ983104 ONE983077:ONN983104 ODI983077:ODR983104 NTM983077:NTV983104 NJQ983077:NJZ983104 MZU983077:NAD983104 MPY983077:MQH983104 MGC983077:MGL983104 LWG983077:LWP983104 LMK983077:LMT983104 LCO983077:LCX983104 KSS983077:KTB983104 KIW983077:KJF983104 JZA983077:JZJ983104 JPE983077:JPN983104 JFI983077:JFR983104 IVM983077:IVV983104 ILQ983077:ILZ983104 IBU983077:ICD983104 HRY983077:HSH983104 HIC983077:HIL983104 GYG983077:GYP983104 GOK983077:GOT983104 GEO983077:GEX983104 FUS983077:FVB983104 FKW983077:FLF983104 FBA983077:FBJ983104 ERE983077:ERN983104 EHI983077:EHR983104 DXM983077:DXV983104 DNQ983077:DNZ983104 DDU983077:DED983104 CTY983077:CUH983104 CKC983077:CKL983104 CAG983077:CAP983104 BQK983077:BQT983104 BGO983077:BGX983104 AWS983077:AXB983104 AMW983077:ANF983104 ADA983077:ADJ983104 TE983077:TN983104 JI983077:JR983104 C983077:M983104 WVU917541:WWD917568 WLY917541:WMH917568 WCC917541:WCL917568 VSG917541:VSP917568 VIK917541:VIT917568 UYO917541:UYX917568 UOS917541:UPB917568 UEW917541:UFF917568 TVA917541:TVJ917568 TLE917541:TLN917568 TBI917541:TBR917568 SRM917541:SRV917568 SHQ917541:SHZ917568 RXU917541:RYD917568 RNY917541:ROH917568 REC917541:REL917568 QUG917541:QUP917568 QKK917541:QKT917568 QAO917541:QAX917568 PQS917541:PRB917568 PGW917541:PHF917568 OXA917541:OXJ917568 ONE917541:ONN917568 ODI917541:ODR917568 NTM917541:NTV917568 NJQ917541:NJZ917568 MZU917541:NAD917568 MPY917541:MQH917568 MGC917541:MGL917568 LWG917541:LWP917568 LMK917541:LMT917568 LCO917541:LCX917568 KSS917541:KTB917568 KIW917541:KJF917568 JZA917541:JZJ917568 JPE917541:JPN917568 JFI917541:JFR917568 IVM917541:IVV917568 ILQ917541:ILZ917568 IBU917541:ICD917568 HRY917541:HSH917568 HIC917541:HIL917568 GYG917541:GYP917568 GOK917541:GOT917568 GEO917541:GEX917568 FUS917541:FVB917568 FKW917541:FLF917568 FBA917541:FBJ917568 ERE917541:ERN917568 EHI917541:EHR917568 DXM917541:DXV917568 DNQ917541:DNZ917568 DDU917541:DED917568 CTY917541:CUH917568 CKC917541:CKL917568 CAG917541:CAP917568 BQK917541:BQT917568 BGO917541:BGX917568 AWS917541:AXB917568 AMW917541:ANF917568 ADA917541:ADJ917568 TE917541:TN917568 JI917541:JR917568 C917541:M917568 WVU852005:WWD852032 WLY852005:WMH852032 WCC852005:WCL852032 VSG852005:VSP852032 VIK852005:VIT852032 UYO852005:UYX852032 UOS852005:UPB852032 UEW852005:UFF852032 TVA852005:TVJ852032 TLE852005:TLN852032 TBI852005:TBR852032 SRM852005:SRV852032 SHQ852005:SHZ852032 RXU852005:RYD852032 RNY852005:ROH852032 REC852005:REL852032 QUG852005:QUP852032 QKK852005:QKT852032 QAO852005:QAX852032 PQS852005:PRB852032 PGW852005:PHF852032 OXA852005:OXJ852032 ONE852005:ONN852032 ODI852005:ODR852032 NTM852005:NTV852032 NJQ852005:NJZ852032 MZU852005:NAD852032 MPY852005:MQH852032 MGC852005:MGL852032 LWG852005:LWP852032 LMK852005:LMT852032 LCO852005:LCX852032 KSS852005:KTB852032 KIW852005:KJF852032 JZA852005:JZJ852032 JPE852005:JPN852032 JFI852005:JFR852032 IVM852005:IVV852032 ILQ852005:ILZ852032 IBU852005:ICD852032 HRY852005:HSH852032 HIC852005:HIL852032 GYG852005:GYP852032 GOK852005:GOT852032 GEO852005:GEX852032 FUS852005:FVB852032 FKW852005:FLF852032 FBA852005:FBJ852032 ERE852005:ERN852032 EHI852005:EHR852032 DXM852005:DXV852032 DNQ852005:DNZ852032 DDU852005:DED852032 CTY852005:CUH852032 CKC852005:CKL852032 CAG852005:CAP852032 BQK852005:BQT852032 BGO852005:BGX852032 AWS852005:AXB852032 AMW852005:ANF852032 ADA852005:ADJ852032 TE852005:TN852032 JI852005:JR852032 C852005:M852032 WVU786469:WWD786496 WLY786469:WMH786496 WCC786469:WCL786496 VSG786469:VSP786496 VIK786469:VIT786496 UYO786469:UYX786496 UOS786469:UPB786496 UEW786469:UFF786496 TVA786469:TVJ786496 TLE786469:TLN786496 TBI786469:TBR786496 SRM786469:SRV786496 SHQ786469:SHZ786496 RXU786469:RYD786496 RNY786469:ROH786496 REC786469:REL786496 QUG786469:QUP786496 QKK786469:QKT786496 QAO786469:QAX786496 PQS786469:PRB786496 PGW786469:PHF786496 OXA786469:OXJ786496 ONE786469:ONN786496 ODI786469:ODR786496 NTM786469:NTV786496 NJQ786469:NJZ786496 MZU786469:NAD786496 MPY786469:MQH786496 MGC786469:MGL786496 LWG786469:LWP786496 LMK786469:LMT786496 LCO786469:LCX786496 KSS786469:KTB786496 KIW786469:KJF786496 JZA786469:JZJ786496 JPE786469:JPN786496 JFI786469:JFR786496 IVM786469:IVV786496 ILQ786469:ILZ786496 IBU786469:ICD786496 HRY786469:HSH786496 HIC786469:HIL786496 GYG786469:GYP786496 GOK786469:GOT786496 GEO786469:GEX786496 FUS786469:FVB786496 FKW786469:FLF786496 FBA786469:FBJ786496 ERE786469:ERN786496 EHI786469:EHR786496 DXM786469:DXV786496 DNQ786469:DNZ786496 DDU786469:DED786496 CTY786469:CUH786496 CKC786469:CKL786496 CAG786469:CAP786496 BQK786469:BQT786496 BGO786469:BGX786496 AWS786469:AXB786496 AMW786469:ANF786496 ADA786469:ADJ786496 TE786469:TN786496 JI786469:JR786496 C786469:M786496 WVU720933:WWD720960 WLY720933:WMH720960 WCC720933:WCL720960 VSG720933:VSP720960 VIK720933:VIT720960 UYO720933:UYX720960 UOS720933:UPB720960 UEW720933:UFF720960 TVA720933:TVJ720960 TLE720933:TLN720960 TBI720933:TBR720960 SRM720933:SRV720960 SHQ720933:SHZ720960 RXU720933:RYD720960 RNY720933:ROH720960 REC720933:REL720960 QUG720933:QUP720960 QKK720933:QKT720960 QAO720933:QAX720960 PQS720933:PRB720960 PGW720933:PHF720960 OXA720933:OXJ720960 ONE720933:ONN720960 ODI720933:ODR720960 NTM720933:NTV720960 NJQ720933:NJZ720960 MZU720933:NAD720960 MPY720933:MQH720960 MGC720933:MGL720960 LWG720933:LWP720960 LMK720933:LMT720960 LCO720933:LCX720960 KSS720933:KTB720960 KIW720933:KJF720960 JZA720933:JZJ720960 JPE720933:JPN720960 JFI720933:JFR720960 IVM720933:IVV720960 ILQ720933:ILZ720960 IBU720933:ICD720960 HRY720933:HSH720960 HIC720933:HIL720960 GYG720933:GYP720960 GOK720933:GOT720960 GEO720933:GEX720960 FUS720933:FVB720960 FKW720933:FLF720960 FBA720933:FBJ720960 ERE720933:ERN720960 EHI720933:EHR720960 DXM720933:DXV720960 DNQ720933:DNZ720960 DDU720933:DED720960 CTY720933:CUH720960 CKC720933:CKL720960 CAG720933:CAP720960 BQK720933:BQT720960 BGO720933:BGX720960 AWS720933:AXB720960 AMW720933:ANF720960 ADA720933:ADJ720960 TE720933:TN720960 JI720933:JR720960 C720933:M720960 WVU655397:WWD655424 WLY655397:WMH655424 WCC655397:WCL655424 VSG655397:VSP655424 VIK655397:VIT655424 UYO655397:UYX655424 UOS655397:UPB655424 UEW655397:UFF655424 TVA655397:TVJ655424 TLE655397:TLN655424 TBI655397:TBR655424 SRM655397:SRV655424 SHQ655397:SHZ655424 RXU655397:RYD655424 RNY655397:ROH655424 REC655397:REL655424 QUG655397:QUP655424 QKK655397:QKT655424 QAO655397:QAX655424 PQS655397:PRB655424 PGW655397:PHF655424 OXA655397:OXJ655424 ONE655397:ONN655424 ODI655397:ODR655424 NTM655397:NTV655424 NJQ655397:NJZ655424 MZU655397:NAD655424 MPY655397:MQH655424 MGC655397:MGL655424 LWG655397:LWP655424 LMK655397:LMT655424 LCO655397:LCX655424 KSS655397:KTB655424 KIW655397:KJF655424 JZA655397:JZJ655424 JPE655397:JPN655424 JFI655397:JFR655424 IVM655397:IVV655424 ILQ655397:ILZ655424 IBU655397:ICD655424 HRY655397:HSH655424 HIC655397:HIL655424 GYG655397:GYP655424 GOK655397:GOT655424 GEO655397:GEX655424 FUS655397:FVB655424 FKW655397:FLF655424 FBA655397:FBJ655424 ERE655397:ERN655424 EHI655397:EHR655424 DXM655397:DXV655424 DNQ655397:DNZ655424 DDU655397:DED655424 CTY655397:CUH655424 CKC655397:CKL655424 CAG655397:CAP655424 BQK655397:BQT655424 BGO655397:BGX655424 AWS655397:AXB655424 AMW655397:ANF655424 ADA655397:ADJ655424 TE655397:TN655424 JI655397:JR655424 C655397:M655424 WVU589861:WWD589888 WLY589861:WMH589888 WCC589861:WCL589888 VSG589861:VSP589888 VIK589861:VIT589888 UYO589861:UYX589888 UOS589861:UPB589888 UEW589861:UFF589888 TVA589861:TVJ589888 TLE589861:TLN589888 TBI589861:TBR589888 SRM589861:SRV589888 SHQ589861:SHZ589888 RXU589861:RYD589888 RNY589861:ROH589888 REC589861:REL589888 QUG589861:QUP589888 QKK589861:QKT589888 QAO589861:QAX589888 PQS589861:PRB589888 PGW589861:PHF589888 OXA589861:OXJ589888 ONE589861:ONN589888 ODI589861:ODR589888 NTM589861:NTV589888 NJQ589861:NJZ589888 MZU589861:NAD589888 MPY589861:MQH589888 MGC589861:MGL589888 LWG589861:LWP589888 LMK589861:LMT589888 LCO589861:LCX589888 KSS589861:KTB589888 KIW589861:KJF589888 JZA589861:JZJ589888 JPE589861:JPN589888 JFI589861:JFR589888 IVM589861:IVV589888 ILQ589861:ILZ589888 IBU589861:ICD589888 HRY589861:HSH589888 HIC589861:HIL589888 GYG589861:GYP589888 GOK589861:GOT589888 GEO589861:GEX589888 FUS589861:FVB589888 FKW589861:FLF589888 FBA589861:FBJ589888 ERE589861:ERN589888 EHI589861:EHR589888 DXM589861:DXV589888 DNQ589861:DNZ589888 DDU589861:DED589888 CTY589861:CUH589888 CKC589861:CKL589888 CAG589861:CAP589888 BQK589861:BQT589888 BGO589861:BGX589888 AWS589861:AXB589888 AMW589861:ANF589888 ADA589861:ADJ589888 TE589861:TN589888 JI589861:JR589888 C589861:M589888 WVU524325:WWD524352 WLY524325:WMH524352 WCC524325:WCL524352 VSG524325:VSP524352 VIK524325:VIT524352 UYO524325:UYX524352 UOS524325:UPB524352 UEW524325:UFF524352 TVA524325:TVJ524352 TLE524325:TLN524352 TBI524325:TBR524352 SRM524325:SRV524352 SHQ524325:SHZ524352 RXU524325:RYD524352 RNY524325:ROH524352 REC524325:REL524352 QUG524325:QUP524352 QKK524325:QKT524352 QAO524325:QAX524352 PQS524325:PRB524352 PGW524325:PHF524352 OXA524325:OXJ524352 ONE524325:ONN524352 ODI524325:ODR524352 NTM524325:NTV524352 NJQ524325:NJZ524352 MZU524325:NAD524352 MPY524325:MQH524352 MGC524325:MGL524352 LWG524325:LWP524352 LMK524325:LMT524352 LCO524325:LCX524352 KSS524325:KTB524352 KIW524325:KJF524352 JZA524325:JZJ524352 JPE524325:JPN524352 JFI524325:JFR524352 IVM524325:IVV524352 ILQ524325:ILZ524352 IBU524325:ICD524352 HRY524325:HSH524352 HIC524325:HIL524352 GYG524325:GYP524352 GOK524325:GOT524352 GEO524325:GEX524352 FUS524325:FVB524352 FKW524325:FLF524352 FBA524325:FBJ524352 ERE524325:ERN524352 EHI524325:EHR524352 DXM524325:DXV524352 DNQ524325:DNZ524352 DDU524325:DED524352 CTY524325:CUH524352 CKC524325:CKL524352 CAG524325:CAP524352 BQK524325:BQT524352 BGO524325:BGX524352 AWS524325:AXB524352 AMW524325:ANF524352 ADA524325:ADJ524352 TE524325:TN524352 JI524325:JR524352 C524325:M524352 WVU458789:WWD458816 WLY458789:WMH458816 WCC458789:WCL458816 VSG458789:VSP458816 VIK458789:VIT458816 UYO458789:UYX458816 UOS458789:UPB458816 UEW458789:UFF458816 TVA458789:TVJ458816 TLE458789:TLN458816 TBI458789:TBR458816 SRM458789:SRV458816 SHQ458789:SHZ458816 RXU458789:RYD458816 RNY458789:ROH458816 REC458789:REL458816 QUG458789:QUP458816 QKK458789:QKT458816 QAO458789:QAX458816 PQS458789:PRB458816 PGW458789:PHF458816 OXA458789:OXJ458816 ONE458789:ONN458816 ODI458789:ODR458816 NTM458789:NTV458816 NJQ458789:NJZ458816 MZU458789:NAD458816 MPY458789:MQH458816 MGC458789:MGL458816 LWG458789:LWP458816 LMK458789:LMT458816 LCO458789:LCX458816 KSS458789:KTB458816 KIW458789:KJF458816 JZA458789:JZJ458816 JPE458789:JPN458816 JFI458789:JFR458816 IVM458789:IVV458816 ILQ458789:ILZ458816 IBU458789:ICD458816 HRY458789:HSH458816 HIC458789:HIL458816 GYG458789:GYP458816 GOK458789:GOT458816 GEO458789:GEX458816 FUS458789:FVB458816 FKW458789:FLF458816 FBA458789:FBJ458816 ERE458789:ERN458816 EHI458789:EHR458816 DXM458789:DXV458816 DNQ458789:DNZ458816 DDU458789:DED458816 CTY458789:CUH458816 CKC458789:CKL458816 CAG458789:CAP458816 BQK458789:BQT458816 BGO458789:BGX458816 AWS458789:AXB458816 AMW458789:ANF458816 ADA458789:ADJ458816 TE458789:TN458816 JI458789:JR458816 C458789:M458816 WVU393253:WWD393280 WLY393253:WMH393280 WCC393253:WCL393280 VSG393253:VSP393280 VIK393253:VIT393280 UYO393253:UYX393280 UOS393253:UPB393280 UEW393253:UFF393280 TVA393253:TVJ393280 TLE393253:TLN393280 TBI393253:TBR393280 SRM393253:SRV393280 SHQ393253:SHZ393280 RXU393253:RYD393280 RNY393253:ROH393280 REC393253:REL393280 QUG393253:QUP393280 QKK393253:QKT393280 QAO393253:QAX393280 PQS393253:PRB393280 PGW393253:PHF393280 OXA393253:OXJ393280 ONE393253:ONN393280 ODI393253:ODR393280 NTM393253:NTV393280 NJQ393253:NJZ393280 MZU393253:NAD393280 MPY393253:MQH393280 MGC393253:MGL393280 LWG393253:LWP393280 LMK393253:LMT393280 LCO393253:LCX393280 KSS393253:KTB393280 KIW393253:KJF393280 JZA393253:JZJ393280 JPE393253:JPN393280 JFI393253:JFR393280 IVM393253:IVV393280 ILQ393253:ILZ393280 IBU393253:ICD393280 HRY393253:HSH393280 HIC393253:HIL393280 GYG393253:GYP393280 GOK393253:GOT393280 GEO393253:GEX393280 FUS393253:FVB393280 FKW393253:FLF393280 FBA393253:FBJ393280 ERE393253:ERN393280 EHI393253:EHR393280 DXM393253:DXV393280 DNQ393253:DNZ393280 DDU393253:DED393280 CTY393253:CUH393280 CKC393253:CKL393280 CAG393253:CAP393280 BQK393253:BQT393280 BGO393253:BGX393280 AWS393253:AXB393280 AMW393253:ANF393280 ADA393253:ADJ393280 TE393253:TN393280 JI393253:JR393280 C393253:M393280 WVU327717:WWD327744 WLY327717:WMH327744 WCC327717:WCL327744 VSG327717:VSP327744 VIK327717:VIT327744 UYO327717:UYX327744 UOS327717:UPB327744 UEW327717:UFF327744 TVA327717:TVJ327744 TLE327717:TLN327744 TBI327717:TBR327744 SRM327717:SRV327744 SHQ327717:SHZ327744 RXU327717:RYD327744 RNY327717:ROH327744 REC327717:REL327744 QUG327717:QUP327744 QKK327717:QKT327744 QAO327717:QAX327744 PQS327717:PRB327744 PGW327717:PHF327744 OXA327717:OXJ327744 ONE327717:ONN327744 ODI327717:ODR327744 NTM327717:NTV327744 NJQ327717:NJZ327744 MZU327717:NAD327744 MPY327717:MQH327744 MGC327717:MGL327744 LWG327717:LWP327744 LMK327717:LMT327744 LCO327717:LCX327744 KSS327717:KTB327744 KIW327717:KJF327744 JZA327717:JZJ327744 JPE327717:JPN327744 JFI327717:JFR327744 IVM327717:IVV327744 ILQ327717:ILZ327744 IBU327717:ICD327744 HRY327717:HSH327744 HIC327717:HIL327744 GYG327717:GYP327744 GOK327717:GOT327744 GEO327717:GEX327744 FUS327717:FVB327744 FKW327717:FLF327744 FBA327717:FBJ327744 ERE327717:ERN327744 EHI327717:EHR327744 DXM327717:DXV327744 DNQ327717:DNZ327744 DDU327717:DED327744 CTY327717:CUH327744 CKC327717:CKL327744 CAG327717:CAP327744 BQK327717:BQT327744 BGO327717:BGX327744 AWS327717:AXB327744 AMW327717:ANF327744 ADA327717:ADJ327744 TE327717:TN327744 JI327717:JR327744 C327717:M327744 WVU262181:WWD262208 WLY262181:WMH262208 WCC262181:WCL262208 VSG262181:VSP262208 VIK262181:VIT262208 UYO262181:UYX262208 UOS262181:UPB262208 UEW262181:UFF262208 TVA262181:TVJ262208 TLE262181:TLN262208 TBI262181:TBR262208 SRM262181:SRV262208 SHQ262181:SHZ262208 RXU262181:RYD262208 RNY262181:ROH262208 REC262181:REL262208 QUG262181:QUP262208 QKK262181:QKT262208 QAO262181:QAX262208 PQS262181:PRB262208 PGW262181:PHF262208 OXA262181:OXJ262208 ONE262181:ONN262208 ODI262181:ODR262208 NTM262181:NTV262208 NJQ262181:NJZ262208 MZU262181:NAD262208 MPY262181:MQH262208 MGC262181:MGL262208 LWG262181:LWP262208 LMK262181:LMT262208 LCO262181:LCX262208 KSS262181:KTB262208 KIW262181:KJF262208 JZA262181:JZJ262208 JPE262181:JPN262208 JFI262181:JFR262208 IVM262181:IVV262208 ILQ262181:ILZ262208 IBU262181:ICD262208 HRY262181:HSH262208 HIC262181:HIL262208 GYG262181:GYP262208 GOK262181:GOT262208 GEO262181:GEX262208 FUS262181:FVB262208 FKW262181:FLF262208 FBA262181:FBJ262208 ERE262181:ERN262208 EHI262181:EHR262208 DXM262181:DXV262208 DNQ262181:DNZ262208 DDU262181:DED262208 CTY262181:CUH262208 CKC262181:CKL262208 CAG262181:CAP262208 BQK262181:BQT262208 BGO262181:BGX262208 AWS262181:AXB262208 AMW262181:ANF262208 ADA262181:ADJ262208 TE262181:TN262208 JI262181:JR262208 C262181:M262208 WVU196645:WWD196672 WLY196645:WMH196672 WCC196645:WCL196672 VSG196645:VSP196672 VIK196645:VIT196672 UYO196645:UYX196672 UOS196645:UPB196672 UEW196645:UFF196672 TVA196645:TVJ196672 TLE196645:TLN196672 TBI196645:TBR196672 SRM196645:SRV196672 SHQ196645:SHZ196672 RXU196645:RYD196672 RNY196645:ROH196672 REC196645:REL196672 QUG196645:QUP196672 QKK196645:QKT196672 QAO196645:QAX196672 PQS196645:PRB196672 PGW196645:PHF196672 OXA196645:OXJ196672 ONE196645:ONN196672 ODI196645:ODR196672 NTM196645:NTV196672 NJQ196645:NJZ196672 MZU196645:NAD196672 MPY196645:MQH196672 MGC196645:MGL196672 LWG196645:LWP196672 LMK196645:LMT196672 LCO196645:LCX196672 KSS196645:KTB196672 KIW196645:KJF196672 JZA196645:JZJ196672 JPE196645:JPN196672 JFI196645:JFR196672 IVM196645:IVV196672 ILQ196645:ILZ196672 IBU196645:ICD196672 HRY196645:HSH196672 HIC196645:HIL196672 GYG196645:GYP196672 GOK196645:GOT196672 GEO196645:GEX196672 FUS196645:FVB196672 FKW196645:FLF196672 FBA196645:FBJ196672 ERE196645:ERN196672 EHI196645:EHR196672 DXM196645:DXV196672 DNQ196645:DNZ196672 DDU196645:DED196672 CTY196645:CUH196672 CKC196645:CKL196672 CAG196645:CAP196672 BQK196645:BQT196672 BGO196645:BGX196672 AWS196645:AXB196672 AMW196645:ANF196672 ADA196645:ADJ196672 TE196645:TN196672 JI196645:JR196672 C196645:M196672 WVU131109:WWD131136 WLY131109:WMH131136 WCC131109:WCL131136 VSG131109:VSP131136 VIK131109:VIT131136 UYO131109:UYX131136 UOS131109:UPB131136 UEW131109:UFF131136 TVA131109:TVJ131136 TLE131109:TLN131136 TBI131109:TBR131136 SRM131109:SRV131136 SHQ131109:SHZ131136 RXU131109:RYD131136 RNY131109:ROH131136 REC131109:REL131136 QUG131109:QUP131136 QKK131109:QKT131136 QAO131109:QAX131136 PQS131109:PRB131136 PGW131109:PHF131136 OXA131109:OXJ131136 ONE131109:ONN131136 ODI131109:ODR131136 NTM131109:NTV131136 NJQ131109:NJZ131136 MZU131109:NAD131136 MPY131109:MQH131136 MGC131109:MGL131136 LWG131109:LWP131136 LMK131109:LMT131136 LCO131109:LCX131136 KSS131109:KTB131136 KIW131109:KJF131136 JZA131109:JZJ131136 JPE131109:JPN131136 JFI131109:JFR131136 IVM131109:IVV131136 ILQ131109:ILZ131136 IBU131109:ICD131136 HRY131109:HSH131136 HIC131109:HIL131136 GYG131109:GYP131136 GOK131109:GOT131136 GEO131109:GEX131136 FUS131109:FVB131136 FKW131109:FLF131136 FBA131109:FBJ131136 ERE131109:ERN131136 EHI131109:EHR131136 DXM131109:DXV131136 DNQ131109:DNZ131136 DDU131109:DED131136 CTY131109:CUH131136 CKC131109:CKL131136 CAG131109:CAP131136 BQK131109:BQT131136 BGO131109:BGX131136 AWS131109:AXB131136 AMW131109:ANF131136 ADA131109:ADJ131136 TE131109:TN131136 JI131109:JR131136 C131109:M131136 WVU65573:WWD65600 WLY65573:WMH65600 WCC65573:WCL65600 VSG65573:VSP65600 VIK65573:VIT65600 UYO65573:UYX65600 UOS65573:UPB65600 UEW65573:UFF65600 TVA65573:TVJ65600 TLE65573:TLN65600 TBI65573:TBR65600 SRM65573:SRV65600 SHQ65573:SHZ65600 RXU65573:RYD65600 RNY65573:ROH65600 REC65573:REL65600 QUG65573:QUP65600 QKK65573:QKT65600 QAO65573:QAX65600 PQS65573:PRB65600 PGW65573:PHF65600 OXA65573:OXJ65600 ONE65573:ONN65600 ODI65573:ODR65600 NTM65573:NTV65600 NJQ65573:NJZ65600 MZU65573:NAD65600 MPY65573:MQH65600 MGC65573:MGL65600 LWG65573:LWP65600 LMK65573:LMT65600 LCO65573:LCX65600 KSS65573:KTB65600 KIW65573:KJF65600 JZA65573:JZJ65600 JPE65573:JPN65600 JFI65573:JFR65600 IVM65573:IVV65600 ILQ65573:ILZ65600 IBU65573:ICD65600 HRY65573:HSH65600 HIC65573:HIL65600 GYG65573:GYP65600 GOK65573:GOT65600 GEO65573:GEX65600 FUS65573:FVB65600 FKW65573:FLF65600 FBA65573:FBJ65600 ERE65573:ERN65600 EHI65573:EHR65600 DXM65573:DXV65600 DNQ65573:DNZ65600 DDU65573:DED65600 CTY65573:CUH65600 CKC65573:CKL65600 CAG65573:CAP65600 BQK65573:BQT65600 BGO65573:BGX65600 AWS65573:AXB65600 AMW65573:ANF65600 ADA65573:ADJ65600 TE65573:TN65600 JI65573:JR65600 C65573:M65600 WVU41:WWD68 WLY41:WMH68 WCC41:WCL68 VSG41:VSP68 VIK41:VIT68 UYO41:UYX68 UOS41:UPB68 UEW41:UFF68 TVA41:TVJ68 TLE41:TLN68 TBI41:TBR68 SRM41:SRV68 SHQ41:SHZ68 RXU41:RYD68 RNY41:ROH68 REC41:REL68 QUG41:QUP68 QKK41:QKT68 QAO41:QAX68 PQS41:PRB68 PGW41:PHF68 OXA41:OXJ68 ONE41:ONN68 ODI41:ODR68 NTM41:NTV68 NJQ41:NJZ68 MZU41:NAD68 MPY41:MQH68 MGC41:MGL68 LWG41:LWP68 LMK41:LMT68 LCO41:LCX68 KSS41:KTB68 KIW41:KJF68 JZA41:JZJ68 JPE41:JPN68 JFI41:JFR68 IVM41:IVV68 ILQ41:ILZ68 IBU41:ICD68 HRY41:HSH68 HIC41:HIL68 GYG41:GYP68 GOK41:GOT68 GEO41:GEX68 FUS41:FVB68 FKW41:FLF68 FBA41:FBJ68 ERE41:ERN68 EHI41:EHR68 DXM41:DXV68 DNQ41:DNZ68 DDU41:DED68 CTY41:CUH68 CKC41:CKL68 CAG41:CAP68 BQK41:BQT68 BGO41:BGX68 AWS41:AXB68 AMW41:ANF68 ADA41:ADJ68 TE41:TN68 JI41:JR68 WVU983045:WWD983074 WLY983045:WMH983074 WCC983045:WCL983074 VSG983045:VSP983074 VIK983045:VIT983074 UYO983045:UYX983074 UOS983045:UPB983074 UEW983045:UFF983074 TVA983045:TVJ983074 TLE983045:TLN983074 TBI983045:TBR983074 SRM983045:SRV983074 SHQ983045:SHZ983074 RXU983045:RYD983074 RNY983045:ROH983074 REC983045:REL983074 QUG983045:QUP983074 QKK983045:QKT983074 QAO983045:QAX983074 PQS983045:PRB983074 PGW983045:PHF983074 OXA983045:OXJ983074 ONE983045:ONN983074 ODI983045:ODR983074 NTM983045:NTV983074 NJQ983045:NJZ983074 MZU983045:NAD983074 MPY983045:MQH983074 MGC983045:MGL983074 LWG983045:LWP983074 LMK983045:LMT983074 LCO983045:LCX983074 KSS983045:KTB983074 KIW983045:KJF983074 JZA983045:JZJ983074 JPE983045:JPN983074 JFI983045:JFR983074 IVM983045:IVV983074 ILQ983045:ILZ983074 IBU983045:ICD983074 HRY983045:HSH983074 HIC983045:HIL983074 GYG983045:GYP983074 GOK983045:GOT983074 GEO983045:GEX983074 FUS983045:FVB983074 FKW983045:FLF983074 FBA983045:FBJ983074 ERE983045:ERN983074 EHI983045:EHR983074 DXM983045:DXV983074 DNQ983045:DNZ983074 DDU983045:DED983074 CTY983045:CUH983074 CKC983045:CKL983074 CAG983045:CAP983074 BQK983045:BQT983074 BGO983045:BGX983074 AWS983045:AXB983074 AMW983045:ANF983074 ADA983045:ADJ983074 TE983045:TN983074 JI983045:JR983074 C983045:M983074 WVU917509:WWD917538 WLY917509:WMH917538 WCC917509:WCL917538 VSG917509:VSP917538 VIK917509:VIT917538 UYO917509:UYX917538 UOS917509:UPB917538 UEW917509:UFF917538 TVA917509:TVJ917538 TLE917509:TLN917538 TBI917509:TBR917538 SRM917509:SRV917538 SHQ917509:SHZ917538 RXU917509:RYD917538 RNY917509:ROH917538 REC917509:REL917538 QUG917509:QUP917538 QKK917509:QKT917538 QAO917509:QAX917538 PQS917509:PRB917538 PGW917509:PHF917538 OXA917509:OXJ917538 ONE917509:ONN917538 ODI917509:ODR917538 NTM917509:NTV917538 NJQ917509:NJZ917538 MZU917509:NAD917538 MPY917509:MQH917538 MGC917509:MGL917538 LWG917509:LWP917538 LMK917509:LMT917538 LCO917509:LCX917538 KSS917509:KTB917538 KIW917509:KJF917538 JZA917509:JZJ917538 JPE917509:JPN917538 JFI917509:JFR917538 IVM917509:IVV917538 ILQ917509:ILZ917538 IBU917509:ICD917538 HRY917509:HSH917538 HIC917509:HIL917538 GYG917509:GYP917538 GOK917509:GOT917538 GEO917509:GEX917538 FUS917509:FVB917538 FKW917509:FLF917538 FBA917509:FBJ917538 ERE917509:ERN917538 EHI917509:EHR917538 DXM917509:DXV917538 DNQ917509:DNZ917538 DDU917509:DED917538 CTY917509:CUH917538 CKC917509:CKL917538 CAG917509:CAP917538 BQK917509:BQT917538 BGO917509:BGX917538 AWS917509:AXB917538 AMW917509:ANF917538 ADA917509:ADJ917538 TE917509:TN917538 JI917509:JR917538 C917509:M917538 WVU851973:WWD852002 WLY851973:WMH852002 WCC851973:WCL852002 VSG851973:VSP852002 VIK851973:VIT852002 UYO851973:UYX852002 UOS851973:UPB852002 UEW851973:UFF852002 TVA851973:TVJ852002 TLE851973:TLN852002 TBI851973:TBR852002 SRM851973:SRV852002 SHQ851973:SHZ852002 RXU851973:RYD852002 RNY851973:ROH852002 REC851973:REL852002 QUG851973:QUP852002 QKK851973:QKT852002 QAO851973:QAX852002 PQS851973:PRB852002 PGW851973:PHF852002 OXA851973:OXJ852002 ONE851973:ONN852002 ODI851973:ODR852002 NTM851973:NTV852002 NJQ851973:NJZ852002 MZU851973:NAD852002 MPY851973:MQH852002 MGC851973:MGL852002 LWG851973:LWP852002 LMK851973:LMT852002 LCO851973:LCX852002 KSS851973:KTB852002 KIW851973:KJF852002 JZA851973:JZJ852002 JPE851973:JPN852002 JFI851973:JFR852002 IVM851973:IVV852002 ILQ851973:ILZ852002 IBU851973:ICD852002 HRY851973:HSH852002 HIC851973:HIL852002 GYG851973:GYP852002 GOK851973:GOT852002 GEO851973:GEX852002 FUS851973:FVB852002 FKW851973:FLF852002 FBA851973:FBJ852002 ERE851973:ERN852002 EHI851973:EHR852002 DXM851973:DXV852002 DNQ851973:DNZ852002 DDU851973:DED852002 CTY851973:CUH852002 CKC851973:CKL852002 CAG851973:CAP852002 BQK851973:BQT852002 BGO851973:BGX852002 AWS851973:AXB852002 AMW851973:ANF852002 ADA851973:ADJ852002 TE851973:TN852002 JI851973:JR852002 C851973:M852002 WVU786437:WWD786466 WLY786437:WMH786466 WCC786437:WCL786466 VSG786437:VSP786466 VIK786437:VIT786466 UYO786437:UYX786466 UOS786437:UPB786466 UEW786437:UFF786466 TVA786437:TVJ786466 TLE786437:TLN786466 TBI786437:TBR786466 SRM786437:SRV786466 SHQ786437:SHZ786466 RXU786437:RYD786466 RNY786437:ROH786466 REC786437:REL786466 QUG786437:QUP786466 QKK786437:QKT786466 QAO786437:QAX786466 PQS786437:PRB786466 PGW786437:PHF786466 OXA786437:OXJ786466 ONE786437:ONN786466 ODI786437:ODR786466 NTM786437:NTV786466 NJQ786437:NJZ786466 MZU786437:NAD786466 MPY786437:MQH786466 MGC786437:MGL786466 LWG786437:LWP786466 LMK786437:LMT786466 LCO786437:LCX786466 KSS786437:KTB786466 KIW786437:KJF786466 JZA786437:JZJ786466 JPE786437:JPN786466 JFI786437:JFR786466 IVM786437:IVV786466 ILQ786437:ILZ786466 IBU786437:ICD786466 HRY786437:HSH786466 HIC786437:HIL786466 GYG786437:GYP786466 GOK786437:GOT786466 GEO786437:GEX786466 FUS786437:FVB786466 FKW786437:FLF786466 FBA786437:FBJ786466 ERE786437:ERN786466 EHI786437:EHR786466 DXM786437:DXV786466 DNQ786437:DNZ786466 DDU786437:DED786466 CTY786437:CUH786466 CKC786437:CKL786466 CAG786437:CAP786466 BQK786437:BQT786466 BGO786437:BGX786466 AWS786437:AXB786466 AMW786437:ANF786466 ADA786437:ADJ786466 TE786437:TN786466 JI786437:JR786466 C786437:M786466 WVU720901:WWD720930 WLY720901:WMH720930 WCC720901:WCL720930 VSG720901:VSP720930 VIK720901:VIT720930 UYO720901:UYX720930 UOS720901:UPB720930 UEW720901:UFF720930 TVA720901:TVJ720930 TLE720901:TLN720930 TBI720901:TBR720930 SRM720901:SRV720930 SHQ720901:SHZ720930 RXU720901:RYD720930 RNY720901:ROH720930 REC720901:REL720930 QUG720901:QUP720930 QKK720901:QKT720930 QAO720901:QAX720930 PQS720901:PRB720930 PGW720901:PHF720930 OXA720901:OXJ720930 ONE720901:ONN720930 ODI720901:ODR720930 NTM720901:NTV720930 NJQ720901:NJZ720930 MZU720901:NAD720930 MPY720901:MQH720930 MGC720901:MGL720930 LWG720901:LWP720930 LMK720901:LMT720930 LCO720901:LCX720930 KSS720901:KTB720930 KIW720901:KJF720930 JZA720901:JZJ720930 JPE720901:JPN720930 JFI720901:JFR720930 IVM720901:IVV720930 ILQ720901:ILZ720930 IBU720901:ICD720930 HRY720901:HSH720930 HIC720901:HIL720930 GYG720901:GYP720930 GOK720901:GOT720930 GEO720901:GEX720930 FUS720901:FVB720930 FKW720901:FLF720930 FBA720901:FBJ720930 ERE720901:ERN720930 EHI720901:EHR720930 DXM720901:DXV720930 DNQ720901:DNZ720930 DDU720901:DED720930 CTY720901:CUH720930 CKC720901:CKL720930 CAG720901:CAP720930 BQK720901:BQT720930 BGO720901:BGX720930 AWS720901:AXB720930 AMW720901:ANF720930 ADA720901:ADJ720930 TE720901:TN720930 JI720901:JR720930 C720901:M720930 WVU655365:WWD655394 WLY655365:WMH655394 WCC655365:WCL655394 VSG655365:VSP655394 VIK655365:VIT655394 UYO655365:UYX655394 UOS655365:UPB655394 UEW655365:UFF655394 TVA655365:TVJ655394 TLE655365:TLN655394 TBI655365:TBR655394 SRM655365:SRV655394 SHQ655365:SHZ655394 RXU655365:RYD655394 RNY655365:ROH655394 REC655365:REL655394 QUG655365:QUP655394 QKK655365:QKT655394 QAO655365:QAX655394 PQS655365:PRB655394 PGW655365:PHF655394 OXA655365:OXJ655394 ONE655365:ONN655394 ODI655365:ODR655394 NTM655365:NTV655394 NJQ655365:NJZ655394 MZU655365:NAD655394 MPY655365:MQH655394 MGC655365:MGL655394 LWG655365:LWP655394 LMK655365:LMT655394 LCO655365:LCX655394 KSS655365:KTB655394 KIW655365:KJF655394 JZA655365:JZJ655394 JPE655365:JPN655394 JFI655365:JFR655394 IVM655365:IVV655394 ILQ655365:ILZ655394 IBU655365:ICD655394 HRY655365:HSH655394 HIC655365:HIL655394 GYG655365:GYP655394 GOK655365:GOT655394 GEO655365:GEX655394 FUS655365:FVB655394 FKW655365:FLF655394 FBA655365:FBJ655394 ERE655365:ERN655394 EHI655365:EHR655394 DXM655365:DXV655394 DNQ655365:DNZ655394 DDU655365:DED655394 CTY655365:CUH655394 CKC655365:CKL655394 CAG655365:CAP655394 BQK655365:BQT655394 BGO655365:BGX655394 AWS655365:AXB655394 AMW655365:ANF655394 ADA655365:ADJ655394 TE655365:TN655394 JI655365:JR655394 C655365:M655394 WVU589829:WWD589858 WLY589829:WMH589858 WCC589829:WCL589858 VSG589829:VSP589858 VIK589829:VIT589858 UYO589829:UYX589858 UOS589829:UPB589858 UEW589829:UFF589858 TVA589829:TVJ589858 TLE589829:TLN589858 TBI589829:TBR589858 SRM589829:SRV589858 SHQ589829:SHZ589858 RXU589829:RYD589858 RNY589829:ROH589858 REC589829:REL589858 QUG589829:QUP589858 QKK589829:QKT589858 QAO589829:QAX589858 PQS589829:PRB589858 PGW589829:PHF589858 OXA589829:OXJ589858 ONE589829:ONN589858 ODI589829:ODR589858 NTM589829:NTV589858 NJQ589829:NJZ589858 MZU589829:NAD589858 MPY589829:MQH589858 MGC589829:MGL589858 LWG589829:LWP589858 LMK589829:LMT589858 LCO589829:LCX589858 KSS589829:KTB589858 KIW589829:KJF589858 JZA589829:JZJ589858 JPE589829:JPN589858 JFI589829:JFR589858 IVM589829:IVV589858 ILQ589829:ILZ589858 IBU589829:ICD589858 HRY589829:HSH589858 HIC589829:HIL589858 GYG589829:GYP589858 GOK589829:GOT589858 GEO589829:GEX589858 FUS589829:FVB589858 FKW589829:FLF589858 FBA589829:FBJ589858 ERE589829:ERN589858 EHI589829:EHR589858 DXM589829:DXV589858 DNQ589829:DNZ589858 DDU589829:DED589858 CTY589829:CUH589858 CKC589829:CKL589858 CAG589829:CAP589858 BQK589829:BQT589858 BGO589829:BGX589858 AWS589829:AXB589858 AMW589829:ANF589858 ADA589829:ADJ589858 TE589829:TN589858 JI589829:JR589858 C589829:M589858 WVU524293:WWD524322 WLY524293:WMH524322 WCC524293:WCL524322 VSG524293:VSP524322 VIK524293:VIT524322 UYO524293:UYX524322 UOS524293:UPB524322 UEW524293:UFF524322 TVA524293:TVJ524322 TLE524293:TLN524322 TBI524293:TBR524322 SRM524293:SRV524322 SHQ524293:SHZ524322 RXU524293:RYD524322 RNY524293:ROH524322 REC524293:REL524322 QUG524293:QUP524322 QKK524293:QKT524322 QAO524293:QAX524322 PQS524293:PRB524322 PGW524293:PHF524322 OXA524293:OXJ524322 ONE524293:ONN524322 ODI524293:ODR524322 NTM524293:NTV524322 NJQ524293:NJZ524322 MZU524293:NAD524322 MPY524293:MQH524322 MGC524293:MGL524322 LWG524293:LWP524322 LMK524293:LMT524322 LCO524293:LCX524322 KSS524293:KTB524322 KIW524293:KJF524322 JZA524293:JZJ524322 JPE524293:JPN524322 JFI524293:JFR524322 IVM524293:IVV524322 ILQ524293:ILZ524322 IBU524293:ICD524322 HRY524293:HSH524322 HIC524293:HIL524322 GYG524293:GYP524322 GOK524293:GOT524322 GEO524293:GEX524322 FUS524293:FVB524322 FKW524293:FLF524322 FBA524293:FBJ524322 ERE524293:ERN524322 EHI524293:EHR524322 DXM524293:DXV524322 DNQ524293:DNZ524322 DDU524293:DED524322 CTY524293:CUH524322 CKC524293:CKL524322 CAG524293:CAP524322 BQK524293:BQT524322 BGO524293:BGX524322 AWS524293:AXB524322 AMW524293:ANF524322 ADA524293:ADJ524322 TE524293:TN524322 JI524293:JR524322 C524293:M524322 WVU458757:WWD458786 WLY458757:WMH458786 WCC458757:WCL458786 VSG458757:VSP458786 VIK458757:VIT458786 UYO458757:UYX458786 UOS458757:UPB458786 UEW458757:UFF458786 TVA458757:TVJ458786 TLE458757:TLN458786 TBI458757:TBR458786 SRM458757:SRV458786 SHQ458757:SHZ458786 RXU458757:RYD458786 RNY458757:ROH458786 REC458757:REL458786 QUG458757:QUP458786 QKK458757:QKT458786 QAO458757:QAX458786 PQS458757:PRB458786 PGW458757:PHF458786 OXA458757:OXJ458786 ONE458757:ONN458786 ODI458757:ODR458786 NTM458757:NTV458786 NJQ458757:NJZ458786 MZU458757:NAD458786 MPY458757:MQH458786 MGC458757:MGL458786 LWG458757:LWP458786 LMK458757:LMT458786 LCO458757:LCX458786 KSS458757:KTB458786 KIW458757:KJF458786 JZA458757:JZJ458786 JPE458757:JPN458786 JFI458757:JFR458786 IVM458757:IVV458786 ILQ458757:ILZ458786 IBU458757:ICD458786 HRY458757:HSH458786 HIC458757:HIL458786 GYG458757:GYP458786 GOK458757:GOT458786 GEO458757:GEX458786 FUS458757:FVB458786 FKW458757:FLF458786 FBA458757:FBJ458786 ERE458757:ERN458786 EHI458757:EHR458786 DXM458757:DXV458786 DNQ458757:DNZ458786 DDU458757:DED458786 CTY458757:CUH458786 CKC458757:CKL458786 CAG458757:CAP458786 BQK458757:BQT458786 BGO458757:BGX458786 AWS458757:AXB458786 AMW458757:ANF458786 ADA458757:ADJ458786 TE458757:TN458786 JI458757:JR458786 C458757:M458786 WVU393221:WWD393250 WLY393221:WMH393250 WCC393221:WCL393250 VSG393221:VSP393250 VIK393221:VIT393250 UYO393221:UYX393250 UOS393221:UPB393250 UEW393221:UFF393250 TVA393221:TVJ393250 TLE393221:TLN393250 TBI393221:TBR393250 SRM393221:SRV393250 SHQ393221:SHZ393250 RXU393221:RYD393250 RNY393221:ROH393250 REC393221:REL393250 QUG393221:QUP393250 QKK393221:QKT393250 QAO393221:QAX393250 PQS393221:PRB393250 PGW393221:PHF393250 OXA393221:OXJ393250 ONE393221:ONN393250 ODI393221:ODR393250 NTM393221:NTV393250 NJQ393221:NJZ393250 MZU393221:NAD393250 MPY393221:MQH393250 MGC393221:MGL393250 LWG393221:LWP393250 LMK393221:LMT393250 LCO393221:LCX393250 KSS393221:KTB393250 KIW393221:KJF393250 JZA393221:JZJ393250 JPE393221:JPN393250 JFI393221:JFR393250 IVM393221:IVV393250 ILQ393221:ILZ393250 IBU393221:ICD393250 HRY393221:HSH393250 HIC393221:HIL393250 GYG393221:GYP393250 GOK393221:GOT393250 GEO393221:GEX393250 FUS393221:FVB393250 FKW393221:FLF393250 FBA393221:FBJ393250 ERE393221:ERN393250 EHI393221:EHR393250 DXM393221:DXV393250 DNQ393221:DNZ393250 DDU393221:DED393250 CTY393221:CUH393250 CKC393221:CKL393250 CAG393221:CAP393250 BQK393221:BQT393250 BGO393221:BGX393250 AWS393221:AXB393250 AMW393221:ANF393250 ADA393221:ADJ393250 TE393221:TN393250 JI393221:JR393250 C393221:M393250 WVU327685:WWD327714 WLY327685:WMH327714 WCC327685:WCL327714 VSG327685:VSP327714 VIK327685:VIT327714 UYO327685:UYX327714 UOS327685:UPB327714 UEW327685:UFF327714 TVA327685:TVJ327714 TLE327685:TLN327714 TBI327685:TBR327714 SRM327685:SRV327714 SHQ327685:SHZ327714 RXU327685:RYD327714 RNY327685:ROH327714 REC327685:REL327714 QUG327685:QUP327714 QKK327685:QKT327714 QAO327685:QAX327714 PQS327685:PRB327714 PGW327685:PHF327714 OXA327685:OXJ327714 ONE327685:ONN327714 ODI327685:ODR327714 NTM327685:NTV327714 NJQ327685:NJZ327714 MZU327685:NAD327714 MPY327685:MQH327714 MGC327685:MGL327714 LWG327685:LWP327714 LMK327685:LMT327714 LCO327685:LCX327714 KSS327685:KTB327714 KIW327685:KJF327714 JZA327685:JZJ327714 JPE327685:JPN327714 JFI327685:JFR327714 IVM327685:IVV327714 ILQ327685:ILZ327714 IBU327685:ICD327714 HRY327685:HSH327714 HIC327685:HIL327714 GYG327685:GYP327714 GOK327685:GOT327714 GEO327685:GEX327714 FUS327685:FVB327714 FKW327685:FLF327714 FBA327685:FBJ327714 ERE327685:ERN327714 EHI327685:EHR327714 DXM327685:DXV327714 DNQ327685:DNZ327714 DDU327685:DED327714 CTY327685:CUH327714 CKC327685:CKL327714 CAG327685:CAP327714 BQK327685:BQT327714 BGO327685:BGX327714 AWS327685:AXB327714 AMW327685:ANF327714 ADA327685:ADJ327714 TE327685:TN327714 JI327685:JR327714 C327685:M327714 WVU262149:WWD262178 WLY262149:WMH262178 WCC262149:WCL262178 VSG262149:VSP262178 VIK262149:VIT262178 UYO262149:UYX262178 UOS262149:UPB262178 UEW262149:UFF262178 TVA262149:TVJ262178 TLE262149:TLN262178 TBI262149:TBR262178 SRM262149:SRV262178 SHQ262149:SHZ262178 RXU262149:RYD262178 RNY262149:ROH262178 REC262149:REL262178 QUG262149:QUP262178 QKK262149:QKT262178 QAO262149:QAX262178 PQS262149:PRB262178 PGW262149:PHF262178 OXA262149:OXJ262178 ONE262149:ONN262178 ODI262149:ODR262178 NTM262149:NTV262178 NJQ262149:NJZ262178 MZU262149:NAD262178 MPY262149:MQH262178 MGC262149:MGL262178 LWG262149:LWP262178 LMK262149:LMT262178 LCO262149:LCX262178 KSS262149:KTB262178 KIW262149:KJF262178 JZA262149:JZJ262178 JPE262149:JPN262178 JFI262149:JFR262178 IVM262149:IVV262178 ILQ262149:ILZ262178 IBU262149:ICD262178 HRY262149:HSH262178 HIC262149:HIL262178 GYG262149:GYP262178 GOK262149:GOT262178 GEO262149:GEX262178 FUS262149:FVB262178 FKW262149:FLF262178 FBA262149:FBJ262178 ERE262149:ERN262178 EHI262149:EHR262178 DXM262149:DXV262178 DNQ262149:DNZ262178 DDU262149:DED262178 CTY262149:CUH262178 CKC262149:CKL262178 CAG262149:CAP262178 BQK262149:BQT262178 BGO262149:BGX262178 AWS262149:AXB262178 AMW262149:ANF262178 ADA262149:ADJ262178 TE262149:TN262178 JI262149:JR262178 C262149:M262178 WVU196613:WWD196642 WLY196613:WMH196642 WCC196613:WCL196642 VSG196613:VSP196642 VIK196613:VIT196642 UYO196613:UYX196642 UOS196613:UPB196642 UEW196613:UFF196642 TVA196613:TVJ196642 TLE196613:TLN196642 TBI196613:TBR196642 SRM196613:SRV196642 SHQ196613:SHZ196642 RXU196613:RYD196642 RNY196613:ROH196642 REC196613:REL196642 QUG196613:QUP196642 QKK196613:QKT196642 QAO196613:QAX196642 PQS196613:PRB196642 PGW196613:PHF196642 OXA196613:OXJ196642 ONE196613:ONN196642 ODI196613:ODR196642 NTM196613:NTV196642 NJQ196613:NJZ196642 MZU196613:NAD196642 MPY196613:MQH196642 MGC196613:MGL196642 LWG196613:LWP196642 LMK196613:LMT196642 LCO196613:LCX196642 KSS196613:KTB196642 KIW196613:KJF196642 JZA196613:JZJ196642 JPE196613:JPN196642 JFI196613:JFR196642 IVM196613:IVV196642 ILQ196613:ILZ196642 IBU196613:ICD196642 HRY196613:HSH196642 HIC196613:HIL196642 GYG196613:GYP196642 GOK196613:GOT196642 GEO196613:GEX196642 FUS196613:FVB196642 FKW196613:FLF196642 FBA196613:FBJ196642 ERE196613:ERN196642 EHI196613:EHR196642 DXM196613:DXV196642 DNQ196613:DNZ196642 DDU196613:DED196642 CTY196613:CUH196642 CKC196613:CKL196642 CAG196613:CAP196642 BQK196613:BQT196642 BGO196613:BGX196642 AWS196613:AXB196642 AMW196613:ANF196642 ADA196613:ADJ196642 TE196613:TN196642 JI196613:JR196642 C196613:M196642 WVU131077:WWD131106 WLY131077:WMH131106 WCC131077:WCL131106 VSG131077:VSP131106 VIK131077:VIT131106 UYO131077:UYX131106 UOS131077:UPB131106 UEW131077:UFF131106 TVA131077:TVJ131106 TLE131077:TLN131106 TBI131077:TBR131106 SRM131077:SRV131106 SHQ131077:SHZ131106 RXU131077:RYD131106 RNY131077:ROH131106 REC131077:REL131106 QUG131077:QUP131106 QKK131077:QKT131106 QAO131077:QAX131106 PQS131077:PRB131106 PGW131077:PHF131106 OXA131077:OXJ131106 ONE131077:ONN131106 ODI131077:ODR131106 NTM131077:NTV131106 NJQ131077:NJZ131106 MZU131077:NAD131106 MPY131077:MQH131106 MGC131077:MGL131106 LWG131077:LWP131106 LMK131077:LMT131106 LCO131077:LCX131106 KSS131077:KTB131106 KIW131077:KJF131106 JZA131077:JZJ131106 JPE131077:JPN131106 JFI131077:JFR131106 IVM131077:IVV131106 ILQ131077:ILZ131106 IBU131077:ICD131106 HRY131077:HSH131106 HIC131077:HIL131106 GYG131077:GYP131106 GOK131077:GOT131106 GEO131077:GEX131106 FUS131077:FVB131106 FKW131077:FLF131106 FBA131077:FBJ131106 ERE131077:ERN131106 EHI131077:EHR131106 DXM131077:DXV131106 DNQ131077:DNZ131106 DDU131077:DED131106 CTY131077:CUH131106 CKC131077:CKL131106 CAG131077:CAP131106 BQK131077:BQT131106 BGO131077:BGX131106 AWS131077:AXB131106 AMW131077:ANF131106 ADA131077:ADJ131106 TE131077:TN131106 JI131077:JR131106 C131077:M131106 WVU65541:WWD65570 WLY65541:WMH65570 WCC65541:WCL65570 VSG65541:VSP65570 VIK65541:VIT65570 UYO65541:UYX65570 UOS65541:UPB65570 UEW65541:UFF65570 TVA65541:TVJ65570 TLE65541:TLN65570 TBI65541:TBR65570 SRM65541:SRV65570 SHQ65541:SHZ65570 RXU65541:RYD65570 RNY65541:ROH65570 REC65541:REL65570 QUG65541:QUP65570 QKK65541:QKT65570 QAO65541:QAX65570 PQS65541:PRB65570 PGW65541:PHF65570 OXA65541:OXJ65570 ONE65541:ONN65570 ODI65541:ODR65570 NTM65541:NTV65570 NJQ65541:NJZ65570 MZU65541:NAD65570 MPY65541:MQH65570 MGC65541:MGL65570 LWG65541:LWP65570 LMK65541:LMT65570 LCO65541:LCX65570 KSS65541:KTB65570 KIW65541:KJF65570 JZA65541:JZJ65570 JPE65541:JPN65570 JFI65541:JFR65570 IVM65541:IVV65570 ILQ65541:ILZ65570 IBU65541:ICD65570 HRY65541:HSH65570 HIC65541:HIL65570 GYG65541:GYP65570 GOK65541:GOT65570 GEO65541:GEX65570 FUS65541:FVB65570 FKW65541:FLF65570 FBA65541:FBJ65570 ERE65541:ERN65570 EHI65541:EHR65570 DXM65541:DXV65570 DNQ65541:DNZ65570 DDU65541:DED65570 CTY65541:CUH65570 CKC65541:CKL65570 CAG65541:CAP65570 BQK65541:BQT65570 BGO65541:BGX65570 AWS65541:AXB65570 AMW65541:ANF65570 ADA65541:ADJ65570 TE65541:TN65570 JI65541:JR65570 C65541:M65570 WVU9:WWD38 WLY9:WMH38 WCC9:WCL38 VSG9:VSP38 VIK9:VIT38 UYO9:UYX38 UOS9:UPB38 UEW9:UFF38 TVA9:TVJ38 TLE9:TLN38 TBI9:TBR38 SRM9:SRV38 SHQ9:SHZ38 RXU9:RYD38 RNY9:ROH38 REC9:REL38 QUG9:QUP38 QKK9:QKT38 QAO9:QAX38 PQS9:PRB38 PGW9:PHF38 OXA9:OXJ38 ONE9:ONN38 ODI9:ODR38 NTM9:NTV38 NJQ9:NJZ38 MZU9:NAD38 MPY9:MQH38 MGC9:MGL38 LWG9:LWP38 LMK9:LMT38 LCO9:LCX38 KSS9:KTB38 KIW9:KJF38 JZA9:JZJ38 JPE9:JPN38 JFI9:JFR38 IVM9:IVV38 ILQ9:ILZ38 IBU9:ICD38 HRY9:HSH38 HIC9:HIL38 GYG9:GYP38 GOK9:GOT38 GEO9:GEX38 FUS9:FVB38 FKW9:FLF38 FBA9:FBJ38 ERE9:ERN38 EHI9:EHR38 DXM9:DXV38 DNQ9:DNZ38 DDU9:DED38 CTY9:CUH38 CKC9:CKL38 CAG9:CAP38 BQK9:BQT38 BGO9:BGX38 AWS9:AXB38 AMW9:ANF38 ADA9:ADJ38 TE9:TN38 JI9:JR38 WWF983045:WWO983074 WMJ983045:WMS983074 WCN983045:WCW983074 VSR983045:VTA983074 VIV983045:VJE983074 UYZ983045:UZI983074 UPD983045:UPM983074 UFH983045:UFQ983074 TVL983045:TVU983074 TLP983045:TLY983074 TBT983045:TCC983074 SRX983045:SSG983074 SIB983045:SIK983074 RYF983045:RYO983074 ROJ983045:ROS983074 REN983045:REW983074 QUR983045:QVA983074 QKV983045:QLE983074 QAZ983045:QBI983074 PRD983045:PRM983074 PHH983045:PHQ983074 OXL983045:OXU983074 ONP983045:ONY983074 ODT983045:OEC983074 NTX983045:NUG983074 NKB983045:NKK983074 NAF983045:NAO983074 MQJ983045:MQS983074 MGN983045:MGW983074 LWR983045:LXA983074 LMV983045:LNE983074 LCZ983045:LDI983074 KTD983045:KTM983074 KJH983045:KJQ983074 JZL983045:JZU983074 JPP983045:JPY983074 JFT983045:JGC983074 IVX983045:IWG983074 IMB983045:IMK983074 ICF983045:ICO983074 HSJ983045:HSS983074 HIN983045:HIW983074 GYR983045:GZA983074 GOV983045:GPE983074 GEZ983045:GFI983074 FVD983045:FVM983074 FLH983045:FLQ983074 FBL983045:FBU983074 ERP983045:ERY983074 EHT983045:EIC983074 DXX983045:DYG983074 DOB983045:DOK983074 DEF983045:DEO983074 CUJ983045:CUS983074 CKN983045:CKW983074 CAR983045:CBA983074 BQV983045:BRE983074 BGZ983045:BHI983074 AXD983045:AXM983074 ANH983045:ANQ983074 ADL983045:ADU983074 TP983045:TY983074 JT983045:KC983074 WWR983080:WWR983104 WWF917509:WWO917538 WMJ917509:WMS917538 WCN917509:WCW917538 VSR917509:VTA917538 VIV917509:VJE917538 UYZ917509:UZI917538 UPD917509:UPM917538 UFH917509:UFQ917538 TVL917509:TVU917538 TLP917509:TLY917538 TBT917509:TCC917538 SRX917509:SSG917538 SIB917509:SIK917538 RYF917509:RYO917538 ROJ917509:ROS917538 REN917509:REW917538 QUR917509:QVA917538 QKV917509:QLE917538 QAZ917509:QBI917538 PRD917509:PRM917538 PHH917509:PHQ917538 OXL917509:OXU917538 ONP917509:ONY917538 ODT917509:OEC917538 NTX917509:NUG917538 NKB917509:NKK917538 NAF917509:NAO917538 MQJ917509:MQS917538 MGN917509:MGW917538 LWR917509:LXA917538 LMV917509:LNE917538 LCZ917509:LDI917538 KTD917509:KTM917538 KJH917509:KJQ917538 JZL917509:JZU917538 JPP917509:JPY917538 JFT917509:JGC917538 IVX917509:IWG917538 IMB917509:IMK917538 ICF917509:ICO917538 HSJ917509:HSS917538 HIN917509:HIW917538 GYR917509:GZA917538 GOV917509:GPE917538 GEZ917509:GFI917538 FVD917509:FVM917538 FLH917509:FLQ917538 FBL917509:FBU917538 ERP917509:ERY917538 EHT917509:EIC917538 DXX917509:DYG917538 DOB917509:DOK917538 DEF917509:DEO917538 CUJ917509:CUS917538 CKN917509:CKW917538 CAR917509:CBA917538 BQV917509:BRE917538 BGZ917509:BHI917538 AXD917509:AXM917538 ANH917509:ANQ917538 ADL917509:ADU917538 TP917509:TY917538 JT917509:KC917538 T983045:Z983074 WWF851973:WWO852002 WMJ851973:WMS852002 WCN851973:WCW852002 VSR851973:VTA852002 VIV851973:VJE852002 UYZ851973:UZI852002 UPD851973:UPM852002 UFH851973:UFQ852002 TVL851973:TVU852002 TLP851973:TLY852002 TBT851973:TCC852002 SRX851973:SSG852002 SIB851973:SIK852002 RYF851973:RYO852002 ROJ851973:ROS852002 REN851973:REW852002 QUR851973:QVA852002 QKV851973:QLE852002 QAZ851973:QBI852002 PRD851973:PRM852002 PHH851973:PHQ852002 OXL851973:OXU852002 ONP851973:ONY852002 ODT851973:OEC852002 NTX851973:NUG852002 NKB851973:NKK852002 NAF851973:NAO852002 MQJ851973:MQS852002 MGN851973:MGW852002 LWR851973:LXA852002 LMV851973:LNE852002 LCZ851973:LDI852002 KTD851973:KTM852002 KJH851973:KJQ852002 JZL851973:JZU852002 JPP851973:JPY852002 JFT851973:JGC852002 IVX851973:IWG852002 IMB851973:IMK852002 ICF851973:ICO852002 HSJ851973:HSS852002 HIN851973:HIW852002 GYR851973:GZA852002 GOV851973:GPE852002 GEZ851973:GFI852002 FVD851973:FVM852002 FLH851973:FLQ852002 FBL851973:FBU852002 ERP851973:ERY852002 EHT851973:EIC852002 DXX851973:DYG852002 DOB851973:DOK852002 DEF851973:DEO852002 CUJ851973:CUS852002 CKN851973:CKW852002 CAR851973:CBA852002 BQV851973:BRE852002 BGZ851973:BHI852002 AXD851973:AXM852002 ANH851973:ANQ852002 ADL851973:ADU852002 TP851973:TY852002 JT851973:KC852002 T917509:Z917538 WWF786437:WWO786466 WMJ786437:WMS786466 WCN786437:WCW786466 VSR786437:VTA786466 VIV786437:VJE786466 UYZ786437:UZI786466 UPD786437:UPM786466 UFH786437:UFQ786466 TVL786437:TVU786466 TLP786437:TLY786466 TBT786437:TCC786466 SRX786437:SSG786466 SIB786437:SIK786466 RYF786437:RYO786466 ROJ786437:ROS786466 REN786437:REW786466 QUR786437:QVA786466 QKV786437:QLE786466 QAZ786437:QBI786466 PRD786437:PRM786466 PHH786437:PHQ786466 OXL786437:OXU786466 ONP786437:ONY786466 ODT786437:OEC786466 NTX786437:NUG786466 NKB786437:NKK786466 NAF786437:NAO786466 MQJ786437:MQS786466 MGN786437:MGW786466 LWR786437:LXA786466 LMV786437:LNE786466 LCZ786437:LDI786466 KTD786437:KTM786466 KJH786437:KJQ786466 JZL786437:JZU786466 JPP786437:JPY786466 JFT786437:JGC786466 IVX786437:IWG786466 IMB786437:IMK786466 ICF786437:ICO786466 HSJ786437:HSS786466 HIN786437:HIW786466 GYR786437:GZA786466 GOV786437:GPE786466 GEZ786437:GFI786466 FVD786437:FVM786466 FLH786437:FLQ786466 FBL786437:FBU786466 ERP786437:ERY786466 EHT786437:EIC786466 DXX786437:DYG786466 DOB786437:DOK786466 DEF786437:DEO786466 CUJ786437:CUS786466 CKN786437:CKW786466 CAR786437:CBA786466 BQV786437:BRE786466 BGZ786437:BHI786466 AXD786437:AXM786466 ANH786437:ANQ786466 ADL786437:ADU786466 TP786437:TY786466 JT786437:KC786466 T851973:Z852002 WWF720901:WWO720930 WMJ720901:WMS720930 WCN720901:WCW720930 VSR720901:VTA720930 VIV720901:VJE720930 UYZ720901:UZI720930 UPD720901:UPM720930 UFH720901:UFQ720930 TVL720901:TVU720930 TLP720901:TLY720930 TBT720901:TCC720930 SRX720901:SSG720930 SIB720901:SIK720930 RYF720901:RYO720930 ROJ720901:ROS720930 REN720901:REW720930 QUR720901:QVA720930 QKV720901:QLE720930 QAZ720901:QBI720930 PRD720901:PRM720930 PHH720901:PHQ720930 OXL720901:OXU720930 ONP720901:ONY720930 ODT720901:OEC720930 NTX720901:NUG720930 NKB720901:NKK720930 NAF720901:NAO720930 MQJ720901:MQS720930 MGN720901:MGW720930 LWR720901:LXA720930 LMV720901:LNE720930 LCZ720901:LDI720930 KTD720901:KTM720930 KJH720901:KJQ720930 JZL720901:JZU720930 JPP720901:JPY720930 JFT720901:JGC720930 IVX720901:IWG720930 IMB720901:IMK720930 ICF720901:ICO720930 HSJ720901:HSS720930 HIN720901:HIW720930 GYR720901:GZA720930 GOV720901:GPE720930 GEZ720901:GFI720930 FVD720901:FVM720930 FLH720901:FLQ720930 FBL720901:FBU720930 ERP720901:ERY720930 EHT720901:EIC720930 DXX720901:DYG720930 DOB720901:DOK720930 DEF720901:DEO720930 CUJ720901:CUS720930 CKN720901:CKW720930 CAR720901:CBA720930 BQV720901:BRE720930 BGZ720901:BHI720930 AXD720901:AXM720930 ANH720901:ANQ720930 ADL720901:ADU720930 TP720901:TY720930 JT720901:KC720930 T786437:Z786466 WWF655365:WWO655394 WMJ655365:WMS655394 WCN655365:WCW655394 VSR655365:VTA655394 VIV655365:VJE655394 UYZ655365:UZI655394 UPD655365:UPM655394 UFH655365:UFQ655394 TVL655365:TVU655394 TLP655365:TLY655394 TBT655365:TCC655394 SRX655365:SSG655394 SIB655365:SIK655394 RYF655365:RYO655394 ROJ655365:ROS655394 REN655365:REW655394 QUR655365:QVA655394 QKV655365:QLE655394 QAZ655365:QBI655394 PRD655365:PRM655394 PHH655365:PHQ655394 OXL655365:OXU655394 ONP655365:ONY655394 ODT655365:OEC655394 NTX655365:NUG655394 NKB655365:NKK655394 NAF655365:NAO655394 MQJ655365:MQS655394 MGN655365:MGW655394 LWR655365:LXA655394 LMV655365:LNE655394 LCZ655365:LDI655394 KTD655365:KTM655394 KJH655365:KJQ655394 JZL655365:JZU655394 JPP655365:JPY655394 JFT655365:JGC655394 IVX655365:IWG655394 IMB655365:IMK655394 ICF655365:ICO655394 HSJ655365:HSS655394 HIN655365:HIW655394 GYR655365:GZA655394 GOV655365:GPE655394 GEZ655365:GFI655394 FVD655365:FVM655394 FLH655365:FLQ655394 FBL655365:FBU655394 ERP655365:ERY655394 EHT655365:EIC655394 DXX655365:DYG655394 DOB655365:DOK655394 DEF655365:DEO655394 CUJ655365:CUS655394 CKN655365:CKW655394 CAR655365:CBA655394 BQV655365:BRE655394 BGZ655365:BHI655394 AXD655365:AXM655394 ANH655365:ANQ655394 ADL655365:ADU655394 TP655365:TY655394 JT655365:KC655394 T720901:Z720930 WWF589829:WWO589858 WMJ589829:WMS589858 WCN589829:WCW589858 VSR589829:VTA589858 VIV589829:VJE589858 UYZ589829:UZI589858 UPD589829:UPM589858 UFH589829:UFQ589858 TVL589829:TVU589858 TLP589829:TLY589858 TBT589829:TCC589858 SRX589829:SSG589858 SIB589829:SIK589858 RYF589829:RYO589858 ROJ589829:ROS589858 REN589829:REW589858 QUR589829:QVA589858 QKV589829:QLE589858 QAZ589829:QBI589858 PRD589829:PRM589858 PHH589829:PHQ589858 OXL589829:OXU589858 ONP589829:ONY589858 ODT589829:OEC589858 NTX589829:NUG589858 NKB589829:NKK589858 NAF589829:NAO589858 MQJ589829:MQS589858 MGN589829:MGW589858 LWR589829:LXA589858 LMV589829:LNE589858 LCZ589829:LDI589858 KTD589829:KTM589858 KJH589829:KJQ589858 JZL589829:JZU589858 JPP589829:JPY589858 JFT589829:JGC589858 IVX589829:IWG589858 IMB589829:IMK589858 ICF589829:ICO589858 HSJ589829:HSS589858 HIN589829:HIW589858 GYR589829:GZA589858 GOV589829:GPE589858 GEZ589829:GFI589858 FVD589829:FVM589858 FLH589829:FLQ589858 FBL589829:FBU589858 ERP589829:ERY589858 EHT589829:EIC589858 DXX589829:DYG589858 DOB589829:DOK589858 DEF589829:DEO589858 CUJ589829:CUS589858 CKN589829:CKW589858 CAR589829:CBA589858 BQV589829:BRE589858 BGZ589829:BHI589858 AXD589829:AXM589858 ANH589829:ANQ589858 ADL589829:ADU589858 TP589829:TY589858 JT589829:KC589858 T655365:Z655394 WWF524293:WWO524322 WMJ524293:WMS524322 WCN524293:WCW524322 VSR524293:VTA524322 VIV524293:VJE524322 UYZ524293:UZI524322 UPD524293:UPM524322 UFH524293:UFQ524322 TVL524293:TVU524322 TLP524293:TLY524322 TBT524293:TCC524322 SRX524293:SSG524322 SIB524293:SIK524322 RYF524293:RYO524322 ROJ524293:ROS524322 REN524293:REW524322 QUR524293:QVA524322 QKV524293:QLE524322 QAZ524293:QBI524322 PRD524293:PRM524322 PHH524293:PHQ524322 OXL524293:OXU524322 ONP524293:ONY524322 ODT524293:OEC524322 NTX524293:NUG524322 NKB524293:NKK524322 NAF524293:NAO524322 MQJ524293:MQS524322 MGN524293:MGW524322 LWR524293:LXA524322 LMV524293:LNE524322 LCZ524293:LDI524322 KTD524293:KTM524322 KJH524293:KJQ524322 JZL524293:JZU524322 JPP524293:JPY524322 JFT524293:JGC524322 IVX524293:IWG524322 IMB524293:IMK524322 ICF524293:ICO524322 HSJ524293:HSS524322 HIN524293:HIW524322 GYR524293:GZA524322 GOV524293:GPE524322 GEZ524293:GFI524322 FVD524293:FVM524322 FLH524293:FLQ524322 FBL524293:FBU524322 ERP524293:ERY524322 EHT524293:EIC524322 DXX524293:DYG524322 DOB524293:DOK524322 DEF524293:DEO524322 CUJ524293:CUS524322 CKN524293:CKW524322 CAR524293:CBA524322 BQV524293:BRE524322 BGZ524293:BHI524322 AXD524293:AXM524322 ANH524293:ANQ524322 ADL524293:ADU524322 TP524293:TY524322 JT524293:KC524322 T589829:Z589858 WWF458757:WWO458786 WMJ458757:WMS458786 WCN458757:WCW458786 VSR458757:VTA458786 VIV458757:VJE458786 UYZ458757:UZI458786 UPD458757:UPM458786 UFH458757:UFQ458786 TVL458757:TVU458786 TLP458757:TLY458786 TBT458757:TCC458786 SRX458757:SSG458786 SIB458757:SIK458786 RYF458757:RYO458786 ROJ458757:ROS458786 REN458757:REW458786 QUR458757:QVA458786 QKV458757:QLE458786 QAZ458757:QBI458786 PRD458757:PRM458786 PHH458757:PHQ458786 OXL458757:OXU458786 ONP458757:ONY458786 ODT458757:OEC458786 NTX458757:NUG458786 NKB458757:NKK458786 NAF458757:NAO458786 MQJ458757:MQS458786 MGN458757:MGW458786 LWR458757:LXA458786 LMV458757:LNE458786 LCZ458757:LDI458786 KTD458757:KTM458786 KJH458757:KJQ458786 JZL458757:JZU458786 JPP458757:JPY458786 JFT458757:JGC458786 IVX458757:IWG458786 IMB458757:IMK458786 ICF458757:ICO458786 HSJ458757:HSS458786 HIN458757:HIW458786 GYR458757:GZA458786 GOV458757:GPE458786 GEZ458757:GFI458786 FVD458757:FVM458786 FLH458757:FLQ458786 FBL458757:FBU458786 ERP458757:ERY458786 EHT458757:EIC458786 DXX458757:DYG458786 DOB458757:DOK458786 DEF458757:DEO458786 CUJ458757:CUS458786 CKN458757:CKW458786 CAR458757:CBA458786 BQV458757:BRE458786 BGZ458757:BHI458786 AXD458757:AXM458786 ANH458757:ANQ458786 ADL458757:ADU458786 TP458757:TY458786 JT458757:KC458786 T524293:Z524322 WWF393221:WWO393250 WMJ393221:WMS393250 WCN393221:WCW393250 VSR393221:VTA393250 VIV393221:VJE393250 UYZ393221:UZI393250 UPD393221:UPM393250 UFH393221:UFQ393250 TVL393221:TVU393250 TLP393221:TLY393250 TBT393221:TCC393250 SRX393221:SSG393250 SIB393221:SIK393250 RYF393221:RYO393250 ROJ393221:ROS393250 REN393221:REW393250 QUR393221:QVA393250 QKV393221:QLE393250 QAZ393221:QBI393250 PRD393221:PRM393250 PHH393221:PHQ393250 OXL393221:OXU393250 ONP393221:ONY393250 ODT393221:OEC393250 NTX393221:NUG393250 NKB393221:NKK393250 NAF393221:NAO393250 MQJ393221:MQS393250 MGN393221:MGW393250 LWR393221:LXA393250 LMV393221:LNE393250 LCZ393221:LDI393250 KTD393221:KTM393250 KJH393221:KJQ393250 JZL393221:JZU393250 JPP393221:JPY393250 JFT393221:JGC393250 IVX393221:IWG393250 IMB393221:IMK393250 ICF393221:ICO393250 HSJ393221:HSS393250 HIN393221:HIW393250 GYR393221:GZA393250 GOV393221:GPE393250 GEZ393221:GFI393250 FVD393221:FVM393250 FLH393221:FLQ393250 FBL393221:FBU393250 ERP393221:ERY393250 EHT393221:EIC393250 DXX393221:DYG393250 DOB393221:DOK393250 DEF393221:DEO393250 CUJ393221:CUS393250 CKN393221:CKW393250 CAR393221:CBA393250 BQV393221:BRE393250 BGZ393221:BHI393250 AXD393221:AXM393250 ANH393221:ANQ393250 ADL393221:ADU393250 TP393221:TY393250 JT393221:KC393250 T458757:Z458786 WWF327685:WWO327714 WMJ327685:WMS327714 WCN327685:WCW327714 VSR327685:VTA327714 VIV327685:VJE327714 UYZ327685:UZI327714 UPD327685:UPM327714 UFH327685:UFQ327714 TVL327685:TVU327714 TLP327685:TLY327714 TBT327685:TCC327714 SRX327685:SSG327714 SIB327685:SIK327714 RYF327685:RYO327714 ROJ327685:ROS327714 REN327685:REW327714 QUR327685:QVA327714 QKV327685:QLE327714 QAZ327685:QBI327714 PRD327685:PRM327714 PHH327685:PHQ327714 OXL327685:OXU327714 ONP327685:ONY327714 ODT327685:OEC327714 NTX327685:NUG327714 NKB327685:NKK327714 NAF327685:NAO327714 MQJ327685:MQS327714 MGN327685:MGW327714 LWR327685:LXA327714 LMV327685:LNE327714 LCZ327685:LDI327714 KTD327685:KTM327714 KJH327685:KJQ327714 JZL327685:JZU327714 JPP327685:JPY327714 JFT327685:JGC327714 IVX327685:IWG327714 IMB327685:IMK327714 ICF327685:ICO327714 HSJ327685:HSS327714 HIN327685:HIW327714 GYR327685:GZA327714 GOV327685:GPE327714 GEZ327685:GFI327714 FVD327685:FVM327714 FLH327685:FLQ327714 FBL327685:FBU327714 ERP327685:ERY327714 EHT327685:EIC327714 DXX327685:DYG327714 DOB327685:DOK327714 DEF327685:DEO327714 CUJ327685:CUS327714 CKN327685:CKW327714 CAR327685:CBA327714 BQV327685:BRE327714 BGZ327685:BHI327714 AXD327685:AXM327714 ANH327685:ANQ327714 ADL327685:ADU327714 TP327685:TY327714 JT327685:KC327714 T393221:Z393250 WWF262149:WWO262178 WMJ262149:WMS262178 WCN262149:WCW262178 VSR262149:VTA262178 VIV262149:VJE262178 UYZ262149:UZI262178 UPD262149:UPM262178 UFH262149:UFQ262178 TVL262149:TVU262178 TLP262149:TLY262178 TBT262149:TCC262178 SRX262149:SSG262178 SIB262149:SIK262178 RYF262149:RYO262178 ROJ262149:ROS262178 REN262149:REW262178 QUR262149:QVA262178 QKV262149:QLE262178 QAZ262149:QBI262178 PRD262149:PRM262178 PHH262149:PHQ262178 OXL262149:OXU262178 ONP262149:ONY262178 ODT262149:OEC262178 NTX262149:NUG262178 NKB262149:NKK262178 NAF262149:NAO262178 MQJ262149:MQS262178 MGN262149:MGW262178 LWR262149:LXA262178 LMV262149:LNE262178 LCZ262149:LDI262178 KTD262149:KTM262178 KJH262149:KJQ262178 JZL262149:JZU262178 JPP262149:JPY262178 JFT262149:JGC262178 IVX262149:IWG262178 IMB262149:IMK262178 ICF262149:ICO262178 HSJ262149:HSS262178 HIN262149:HIW262178 GYR262149:GZA262178 GOV262149:GPE262178 GEZ262149:GFI262178 FVD262149:FVM262178 FLH262149:FLQ262178 FBL262149:FBU262178 ERP262149:ERY262178 EHT262149:EIC262178 DXX262149:DYG262178 DOB262149:DOK262178 DEF262149:DEO262178 CUJ262149:CUS262178 CKN262149:CKW262178 CAR262149:CBA262178 BQV262149:BRE262178 BGZ262149:BHI262178 AXD262149:AXM262178 ANH262149:ANQ262178 ADL262149:ADU262178 TP262149:TY262178 JT262149:KC262178 T327685:Z327714 WWF196613:WWO196642 WMJ196613:WMS196642 WCN196613:WCW196642 VSR196613:VTA196642 VIV196613:VJE196642 UYZ196613:UZI196642 UPD196613:UPM196642 UFH196613:UFQ196642 TVL196613:TVU196642 TLP196613:TLY196642 TBT196613:TCC196642 SRX196613:SSG196642 SIB196613:SIK196642 RYF196613:RYO196642 ROJ196613:ROS196642 REN196613:REW196642 QUR196613:QVA196642 QKV196613:QLE196642 QAZ196613:QBI196642 PRD196613:PRM196642 PHH196613:PHQ196642 OXL196613:OXU196642 ONP196613:ONY196642 ODT196613:OEC196642 NTX196613:NUG196642 NKB196613:NKK196642 NAF196613:NAO196642 MQJ196613:MQS196642 MGN196613:MGW196642 LWR196613:LXA196642 LMV196613:LNE196642 LCZ196613:LDI196642 KTD196613:KTM196642 KJH196613:KJQ196642 JZL196613:JZU196642 JPP196613:JPY196642 JFT196613:JGC196642 IVX196613:IWG196642 IMB196613:IMK196642 ICF196613:ICO196642 HSJ196613:HSS196642 HIN196613:HIW196642 GYR196613:GZA196642 GOV196613:GPE196642 GEZ196613:GFI196642 FVD196613:FVM196642 FLH196613:FLQ196642 FBL196613:FBU196642 ERP196613:ERY196642 EHT196613:EIC196642 DXX196613:DYG196642 DOB196613:DOK196642 DEF196613:DEO196642 CUJ196613:CUS196642 CKN196613:CKW196642 CAR196613:CBA196642 BQV196613:BRE196642 BGZ196613:BHI196642 AXD196613:AXM196642 ANH196613:ANQ196642 ADL196613:ADU196642 TP196613:TY196642 JT196613:KC196642 T262149:Z262178 WWF131077:WWO131106 WMJ131077:WMS131106 WCN131077:WCW131106 VSR131077:VTA131106 VIV131077:VJE131106 UYZ131077:UZI131106 UPD131077:UPM131106 UFH131077:UFQ131106 TVL131077:TVU131106 TLP131077:TLY131106 TBT131077:TCC131106 SRX131077:SSG131106 SIB131077:SIK131106 RYF131077:RYO131106 ROJ131077:ROS131106 REN131077:REW131106 QUR131077:QVA131106 QKV131077:QLE131106 QAZ131077:QBI131106 PRD131077:PRM131106 PHH131077:PHQ131106 OXL131077:OXU131106 ONP131077:ONY131106 ODT131077:OEC131106 NTX131077:NUG131106 NKB131077:NKK131106 NAF131077:NAO131106 MQJ131077:MQS131106 MGN131077:MGW131106 LWR131077:LXA131106 LMV131077:LNE131106 LCZ131077:LDI131106 KTD131077:KTM131106 KJH131077:KJQ131106 JZL131077:JZU131106 JPP131077:JPY131106 JFT131077:JGC131106 IVX131077:IWG131106 IMB131077:IMK131106 ICF131077:ICO131106 HSJ131077:HSS131106 HIN131077:HIW131106 GYR131077:GZA131106 GOV131077:GPE131106 GEZ131077:GFI131106 FVD131077:FVM131106 FLH131077:FLQ131106 FBL131077:FBU131106 ERP131077:ERY131106 EHT131077:EIC131106 DXX131077:DYG131106 DOB131077:DOK131106 DEF131077:DEO131106 CUJ131077:CUS131106 CKN131077:CKW131106 CAR131077:CBA131106 BQV131077:BRE131106 BGZ131077:BHI131106 AXD131077:AXM131106 ANH131077:ANQ131106 ADL131077:ADU131106 TP131077:TY131106 JT131077:KC131106 T196613:Z196642 WWF65541:WWO65570 WMJ65541:WMS65570 WCN65541:WCW65570 VSR65541:VTA65570 VIV65541:VJE65570 UYZ65541:UZI65570 UPD65541:UPM65570 UFH65541:UFQ65570 TVL65541:TVU65570 TLP65541:TLY65570 TBT65541:TCC65570 SRX65541:SSG65570 SIB65541:SIK65570 RYF65541:RYO65570 ROJ65541:ROS65570 REN65541:REW65570 QUR65541:QVA65570 QKV65541:QLE65570 QAZ65541:QBI65570 PRD65541:PRM65570 PHH65541:PHQ65570 OXL65541:OXU65570 ONP65541:ONY65570 ODT65541:OEC65570 NTX65541:NUG65570 NKB65541:NKK65570 NAF65541:NAO65570 MQJ65541:MQS65570 MGN65541:MGW65570 LWR65541:LXA65570 LMV65541:LNE65570 LCZ65541:LDI65570 KTD65541:KTM65570 KJH65541:KJQ65570 JZL65541:JZU65570 JPP65541:JPY65570 JFT65541:JGC65570 IVX65541:IWG65570 IMB65541:IMK65570 ICF65541:ICO65570 HSJ65541:HSS65570 HIN65541:HIW65570 GYR65541:GZA65570 GOV65541:GPE65570 GEZ65541:GFI65570 FVD65541:FVM65570 FLH65541:FLQ65570 FBL65541:FBU65570 ERP65541:ERY65570 EHT65541:EIC65570 DXX65541:DYG65570 DOB65541:DOK65570 DEF65541:DEO65570 CUJ65541:CUS65570 CKN65541:CKW65570 CAR65541:CBA65570 BQV65541:BRE65570 BGZ65541:BHI65570 AXD65541:AXM65570 ANH65541:ANQ65570 ADL65541:ADU65570 TP65541:TY65570 JT65541:KC65570 T131077:Z131106 KF43:KG43 WWF9:WWO38 WMJ9:WMS38 WCN9:WCW38 VSR9:VTA38 VIV9:VJE38 UYZ9:UZI38 UPD9:UPM38 UFH9:UFQ38 TVL9:TVU38 TLP9:TLY38 TBT9:TCC38 SRX9:SSG38 SIB9:SIK38 RYF9:RYO38 ROJ9:ROS38 REN9:REW38 QUR9:QVA38 QKV9:QLE38 QAZ9:QBI38 PRD9:PRM38 PHH9:PHQ38 OXL9:OXU38 ONP9:ONY38 ODT9:OEC38 NTX9:NUG38 NKB9:NKK38 NAF9:NAO38 MQJ9:MQS38 MGN9:MGW38 LWR9:LXA38 LMV9:LNE38 LCZ9:LDI38 KTD9:KTM38 KJH9:KJQ38 JZL9:JZU38 JPP9:JPY38 JFT9:JGC38 IVX9:IWG38 IMB9:IMK38 ICF9:ICO38 HSJ9:HSS38 HIN9:HIW38 GYR9:GZA38 GOV9:GPE38 GEZ9:GFI38 FVD9:FVM38 FLH9:FLQ38 FBL9:FBU38 ERP9:ERY38 EHT9:EIC38 DXX9:DYG38 DOB9:DOK38 DEF9:DEO38 CUJ9:CUS38 CKN9:CKW38 CAR9:CBA38 BQV9:BRE38 BGZ9:BHI38 AXD9:AXM38 ANH9:ANQ38 ADL9:ADU38 TP9:TY38 T65541:Z65570 WWQ983045:WWR983074 WMU983045:WMV983074 WCY983045:WCZ983074 VTC983045:VTD983074 VJG983045:VJH983074 UZK983045:UZL983074 UPO983045:UPP983074 UFS983045:UFT983074 TVW983045:TVX983074 TMA983045:TMB983074 TCE983045:TCF983074 SSI983045:SSJ983074 SIM983045:SIN983074 RYQ983045:RYR983074 ROU983045:ROV983074 REY983045:REZ983074 QVC983045:QVD983074 QLG983045:QLH983074 QBK983045:QBL983074 PRO983045:PRP983074 PHS983045:PHT983074 OXW983045:OXX983074 OOA983045:OOB983074 OEE983045:OEF983074 NUI983045:NUJ983074 NKM983045:NKN983074 NAQ983045:NAR983074 MQU983045:MQV983074 MGY983045:MGZ983074 LXC983045:LXD983074 LNG983045:LNH983074 LDK983045:LDL983074 KTO983045:KTP983074 KJS983045:KJT983074 JZW983045:JZX983074 JQA983045:JQB983074 JGE983045:JGF983074 IWI983045:IWJ983074 IMM983045:IMN983074 ICQ983045:ICR983074 HSU983045:HSV983074 HIY983045:HIZ983074 GZC983045:GZD983074 GPG983045:GPH983074 GFK983045:GFL983074 FVO983045:FVP983074 FLS983045:FLT983074 FBW983045:FBX983074 ESA983045:ESB983074 EIE983045:EIF983074 DYI983045:DYJ983074 DOM983045:DON983074 DEQ983045:DER983074 CUU983045:CUV983074 CKY983045:CKZ983074 CBC983045:CBD983074 BRG983045:BRH983074 BHK983045:BHL983074 AXO983045:AXP983074 ANS983045:ANT983074 ADW983045:ADX983074 UA983045:UB983074 KE983045:KF983074 AC983045:AF983074 WWQ917509:WWR917538 WMU917509:WMV917538 WCY917509:WCZ917538 VTC917509:VTD917538 VJG917509:VJH917538 UZK917509:UZL917538 UPO917509:UPP917538 UFS917509:UFT917538 TVW917509:TVX917538 TMA917509:TMB917538 TCE917509:TCF917538 SSI917509:SSJ917538 SIM917509:SIN917538 RYQ917509:RYR917538 ROU917509:ROV917538 REY917509:REZ917538 QVC917509:QVD917538 QLG917509:QLH917538 QBK917509:QBL917538 PRO917509:PRP917538 PHS917509:PHT917538 OXW917509:OXX917538 OOA917509:OOB917538 OEE917509:OEF917538 NUI917509:NUJ917538 NKM917509:NKN917538 NAQ917509:NAR917538 MQU917509:MQV917538 MGY917509:MGZ917538 LXC917509:LXD917538 LNG917509:LNH917538 LDK917509:LDL917538 KTO917509:KTP917538 KJS917509:KJT917538 JZW917509:JZX917538 JQA917509:JQB917538 JGE917509:JGF917538 IWI917509:IWJ917538 IMM917509:IMN917538 ICQ917509:ICR917538 HSU917509:HSV917538 HIY917509:HIZ917538 GZC917509:GZD917538 GPG917509:GPH917538 GFK917509:GFL917538 FVO917509:FVP917538 FLS917509:FLT917538 FBW917509:FBX917538 ESA917509:ESB917538 EIE917509:EIF917538 DYI917509:DYJ917538 DOM917509:DON917538 DEQ917509:DER917538 CUU917509:CUV917538 CKY917509:CKZ917538 CBC917509:CBD917538 BRG917509:BRH917538 BHK917509:BHL917538 AXO917509:AXP917538 ANS917509:ANT917538 ADW917509:ADX917538 UA917509:UB917538 KE917509:KF917538 AC917509:AF917538 WWQ851973:WWR852002 WMU851973:WMV852002 WCY851973:WCZ852002 VTC851973:VTD852002 VJG851973:VJH852002 UZK851973:UZL852002 UPO851973:UPP852002 UFS851973:UFT852002 TVW851973:TVX852002 TMA851973:TMB852002 TCE851973:TCF852002 SSI851973:SSJ852002 SIM851973:SIN852002 RYQ851973:RYR852002 ROU851973:ROV852002 REY851973:REZ852002 QVC851973:QVD852002 QLG851973:QLH852002 QBK851973:QBL852002 PRO851973:PRP852002 PHS851973:PHT852002 OXW851973:OXX852002 OOA851973:OOB852002 OEE851973:OEF852002 NUI851973:NUJ852002 NKM851973:NKN852002 NAQ851973:NAR852002 MQU851973:MQV852002 MGY851973:MGZ852002 LXC851973:LXD852002 LNG851973:LNH852002 LDK851973:LDL852002 KTO851973:KTP852002 KJS851973:KJT852002 JZW851973:JZX852002 JQA851973:JQB852002 JGE851973:JGF852002 IWI851973:IWJ852002 IMM851973:IMN852002 ICQ851973:ICR852002 HSU851973:HSV852002 HIY851973:HIZ852002 GZC851973:GZD852002 GPG851973:GPH852002 GFK851973:GFL852002 FVO851973:FVP852002 FLS851973:FLT852002 FBW851973:FBX852002 ESA851973:ESB852002 EIE851973:EIF852002 DYI851973:DYJ852002 DOM851973:DON852002 DEQ851973:DER852002 CUU851973:CUV852002 CKY851973:CKZ852002 CBC851973:CBD852002 BRG851973:BRH852002 BHK851973:BHL852002 AXO851973:AXP852002 ANS851973:ANT852002 ADW851973:ADX852002 UA851973:UB852002 KE851973:KF852002 AC851973:AF852002 WWQ786437:WWR786466 WMU786437:WMV786466 WCY786437:WCZ786466 VTC786437:VTD786466 VJG786437:VJH786466 UZK786437:UZL786466 UPO786437:UPP786466 UFS786437:UFT786466 TVW786437:TVX786466 TMA786437:TMB786466 TCE786437:TCF786466 SSI786437:SSJ786466 SIM786437:SIN786466 RYQ786437:RYR786466 ROU786437:ROV786466 REY786437:REZ786466 QVC786437:QVD786466 QLG786437:QLH786466 QBK786437:QBL786466 PRO786437:PRP786466 PHS786437:PHT786466 OXW786437:OXX786466 OOA786437:OOB786466 OEE786437:OEF786466 NUI786437:NUJ786466 NKM786437:NKN786466 NAQ786437:NAR786466 MQU786437:MQV786466 MGY786437:MGZ786466 LXC786437:LXD786466 LNG786437:LNH786466 LDK786437:LDL786466 KTO786437:KTP786466 KJS786437:KJT786466 JZW786437:JZX786466 JQA786437:JQB786466 JGE786437:JGF786466 IWI786437:IWJ786466 IMM786437:IMN786466 ICQ786437:ICR786466 HSU786437:HSV786466 HIY786437:HIZ786466 GZC786437:GZD786466 GPG786437:GPH786466 GFK786437:GFL786466 FVO786437:FVP786466 FLS786437:FLT786466 FBW786437:FBX786466 ESA786437:ESB786466 EIE786437:EIF786466 DYI786437:DYJ786466 DOM786437:DON786466 DEQ786437:DER786466 CUU786437:CUV786466 CKY786437:CKZ786466 CBC786437:CBD786466 BRG786437:BRH786466 BHK786437:BHL786466 AXO786437:AXP786466 ANS786437:ANT786466 ADW786437:ADX786466 UA786437:UB786466 KE786437:KF786466 AC786437:AF786466 WWQ720901:WWR720930 WMU720901:WMV720930 WCY720901:WCZ720930 VTC720901:VTD720930 VJG720901:VJH720930 UZK720901:UZL720930 UPO720901:UPP720930 UFS720901:UFT720930 TVW720901:TVX720930 TMA720901:TMB720930 TCE720901:TCF720930 SSI720901:SSJ720930 SIM720901:SIN720930 RYQ720901:RYR720930 ROU720901:ROV720930 REY720901:REZ720930 QVC720901:QVD720930 QLG720901:QLH720930 QBK720901:QBL720930 PRO720901:PRP720930 PHS720901:PHT720930 OXW720901:OXX720930 OOA720901:OOB720930 OEE720901:OEF720930 NUI720901:NUJ720930 NKM720901:NKN720930 NAQ720901:NAR720930 MQU720901:MQV720930 MGY720901:MGZ720930 LXC720901:LXD720930 LNG720901:LNH720930 LDK720901:LDL720930 KTO720901:KTP720930 KJS720901:KJT720930 JZW720901:JZX720930 JQA720901:JQB720930 JGE720901:JGF720930 IWI720901:IWJ720930 IMM720901:IMN720930 ICQ720901:ICR720930 HSU720901:HSV720930 HIY720901:HIZ720930 GZC720901:GZD720930 GPG720901:GPH720930 GFK720901:GFL720930 FVO720901:FVP720930 FLS720901:FLT720930 FBW720901:FBX720930 ESA720901:ESB720930 EIE720901:EIF720930 DYI720901:DYJ720930 DOM720901:DON720930 DEQ720901:DER720930 CUU720901:CUV720930 CKY720901:CKZ720930 CBC720901:CBD720930 BRG720901:BRH720930 BHK720901:BHL720930 AXO720901:AXP720930 ANS720901:ANT720930 ADW720901:ADX720930 UA720901:UB720930 KE720901:KF720930 AC720901:AF720930 WWQ655365:WWR655394 WMU655365:WMV655394 WCY655365:WCZ655394 VTC655365:VTD655394 VJG655365:VJH655394 UZK655365:UZL655394 UPO655365:UPP655394 UFS655365:UFT655394 TVW655365:TVX655394 TMA655365:TMB655394 TCE655365:TCF655394 SSI655365:SSJ655394 SIM655365:SIN655394 RYQ655365:RYR655394 ROU655365:ROV655394 REY655365:REZ655394 QVC655365:QVD655394 QLG655365:QLH655394 QBK655365:QBL655394 PRO655365:PRP655394 PHS655365:PHT655394 OXW655365:OXX655394 OOA655365:OOB655394 OEE655365:OEF655394 NUI655365:NUJ655394 NKM655365:NKN655394 NAQ655365:NAR655394 MQU655365:MQV655394 MGY655365:MGZ655394 LXC655365:LXD655394 LNG655365:LNH655394 LDK655365:LDL655394 KTO655365:KTP655394 KJS655365:KJT655394 JZW655365:JZX655394 JQA655365:JQB655394 JGE655365:JGF655394 IWI655365:IWJ655394 IMM655365:IMN655394 ICQ655365:ICR655394 HSU655365:HSV655394 HIY655365:HIZ655394 GZC655365:GZD655394 GPG655365:GPH655394 GFK655365:GFL655394 FVO655365:FVP655394 FLS655365:FLT655394 FBW655365:FBX655394 ESA655365:ESB655394 EIE655365:EIF655394 DYI655365:DYJ655394 DOM655365:DON655394 DEQ655365:DER655394 CUU655365:CUV655394 CKY655365:CKZ655394 CBC655365:CBD655394 BRG655365:BRH655394 BHK655365:BHL655394 AXO655365:AXP655394 ANS655365:ANT655394 ADW655365:ADX655394 UA655365:UB655394 KE655365:KF655394 AC655365:AF655394 WWQ589829:WWR589858 WMU589829:WMV589858 WCY589829:WCZ589858 VTC589829:VTD589858 VJG589829:VJH589858 UZK589829:UZL589858 UPO589829:UPP589858 UFS589829:UFT589858 TVW589829:TVX589858 TMA589829:TMB589858 TCE589829:TCF589858 SSI589829:SSJ589858 SIM589829:SIN589858 RYQ589829:RYR589858 ROU589829:ROV589858 REY589829:REZ589858 QVC589829:QVD589858 QLG589829:QLH589858 QBK589829:QBL589858 PRO589829:PRP589858 PHS589829:PHT589858 OXW589829:OXX589858 OOA589829:OOB589858 OEE589829:OEF589858 NUI589829:NUJ589858 NKM589829:NKN589858 NAQ589829:NAR589858 MQU589829:MQV589858 MGY589829:MGZ589858 LXC589829:LXD589858 LNG589829:LNH589858 LDK589829:LDL589858 KTO589829:KTP589858 KJS589829:KJT589858 JZW589829:JZX589858 JQA589829:JQB589858 JGE589829:JGF589858 IWI589829:IWJ589858 IMM589829:IMN589858 ICQ589829:ICR589858 HSU589829:HSV589858 HIY589829:HIZ589858 GZC589829:GZD589858 GPG589829:GPH589858 GFK589829:GFL589858 FVO589829:FVP589858 FLS589829:FLT589858 FBW589829:FBX589858 ESA589829:ESB589858 EIE589829:EIF589858 DYI589829:DYJ589858 DOM589829:DON589858 DEQ589829:DER589858 CUU589829:CUV589858 CKY589829:CKZ589858 CBC589829:CBD589858 BRG589829:BRH589858 BHK589829:BHL589858 AXO589829:AXP589858 ANS589829:ANT589858 ADW589829:ADX589858 UA589829:UB589858 KE589829:KF589858 AC589829:AF589858 WWQ524293:WWR524322 WMU524293:WMV524322 WCY524293:WCZ524322 VTC524293:VTD524322 VJG524293:VJH524322 UZK524293:UZL524322 UPO524293:UPP524322 UFS524293:UFT524322 TVW524293:TVX524322 TMA524293:TMB524322 TCE524293:TCF524322 SSI524293:SSJ524322 SIM524293:SIN524322 RYQ524293:RYR524322 ROU524293:ROV524322 REY524293:REZ524322 QVC524293:QVD524322 QLG524293:QLH524322 QBK524293:QBL524322 PRO524293:PRP524322 PHS524293:PHT524322 OXW524293:OXX524322 OOA524293:OOB524322 OEE524293:OEF524322 NUI524293:NUJ524322 NKM524293:NKN524322 NAQ524293:NAR524322 MQU524293:MQV524322 MGY524293:MGZ524322 LXC524293:LXD524322 LNG524293:LNH524322 LDK524293:LDL524322 KTO524293:KTP524322 KJS524293:KJT524322 JZW524293:JZX524322 JQA524293:JQB524322 JGE524293:JGF524322 IWI524293:IWJ524322 IMM524293:IMN524322 ICQ524293:ICR524322 HSU524293:HSV524322 HIY524293:HIZ524322 GZC524293:GZD524322 GPG524293:GPH524322 GFK524293:GFL524322 FVO524293:FVP524322 FLS524293:FLT524322 FBW524293:FBX524322 ESA524293:ESB524322 EIE524293:EIF524322 DYI524293:DYJ524322 DOM524293:DON524322 DEQ524293:DER524322 CUU524293:CUV524322 CKY524293:CKZ524322 CBC524293:CBD524322 BRG524293:BRH524322 BHK524293:BHL524322 AXO524293:AXP524322 ANS524293:ANT524322 ADW524293:ADX524322 UA524293:UB524322 KE524293:KF524322 AC524293:AF524322 WWQ458757:WWR458786 WMU458757:WMV458786 WCY458757:WCZ458786 VTC458757:VTD458786 VJG458757:VJH458786 UZK458757:UZL458786 UPO458757:UPP458786 UFS458757:UFT458786 TVW458757:TVX458786 TMA458757:TMB458786 TCE458757:TCF458786 SSI458757:SSJ458786 SIM458757:SIN458786 RYQ458757:RYR458786 ROU458757:ROV458786 REY458757:REZ458786 QVC458757:QVD458786 QLG458757:QLH458786 QBK458757:QBL458786 PRO458757:PRP458786 PHS458757:PHT458786 OXW458757:OXX458786 OOA458757:OOB458786 OEE458757:OEF458786 NUI458757:NUJ458786 NKM458757:NKN458786 NAQ458757:NAR458786 MQU458757:MQV458786 MGY458757:MGZ458786 LXC458757:LXD458786 LNG458757:LNH458786 LDK458757:LDL458786 KTO458757:KTP458786 KJS458757:KJT458786 JZW458757:JZX458786 JQA458757:JQB458786 JGE458757:JGF458786 IWI458757:IWJ458786 IMM458757:IMN458786 ICQ458757:ICR458786 HSU458757:HSV458786 HIY458757:HIZ458786 GZC458757:GZD458786 GPG458757:GPH458786 GFK458757:GFL458786 FVO458757:FVP458786 FLS458757:FLT458786 FBW458757:FBX458786 ESA458757:ESB458786 EIE458757:EIF458786 DYI458757:DYJ458786 DOM458757:DON458786 DEQ458757:DER458786 CUU458757:CUV458786 CKY458757:CKZ458786 CBC458757:CBD458786 BRG458757:BRH458786 BHK458757:BHL458786 AXO458757:AXP458786 ANS458757:ANT458786 ADW458757:ADX458786 UA458757:UB458786 KE458757:KF458786 AC458757:AF458786 WWQ393221:WWR393250 WMU393221:WMV393250 WCY393221:WCZ393250 VTC393221:VTD393250 VJG393221:VJH393250 UZK393221:UZL393250 UPO393221:UPP393250 UFS393221:UFT393250 TVW393221:TVX393250 TMA393221:TMB393250 TCE393221:TCF393250 SSI393221:SSJ393250 SIM393221:SIN393250 RYQ393221:RYR393250 ROU393221:ROV393250 REY393221:REZ393250 QVC393221:QVD393250 QLG393221:QLH393250 QBK393221:QBL393250 PRO393221:PRP393250 PHS393221:PHT393250 OXW393221:OXX393250 OOA393221:OOB393250 OEE393221:OEF393250 NUI393221:NUJ393250 NKM393221:NKN393250 NAQ393221:NAR393250 MQU393221:MQV393250 MGY393221:MGZ393250 LXC393221:LXD393250 LNG393221:LNH393250 LDK393221:LDL393250 KTO393221:KTP393250 KJS393221:KJT393250 JZW393221:JZX393250 JQA393221:JQB393250 JGE393221:JGF393250 IWI393221:IWJ393250 IMM393221:IMN393250 ICQ393221:ICR393250 HSU393221:HSV393250 HIY393221:HIZ393250 GZC393221:GZD393250 GPG393221:GPH393250 GFK393221:GFL393250 FVO393221:FVP393250 FLS393221:FLT393250 FBW393221:FBX393250 ESA393221:ESB393250 EIE393221:EIF393250 DYI393221:DYJ393250 DOM393221:DON393250 DEQ393221:DER393250 CUU393221:CUV393250 CKY393221:CKZ393250 CBC393221:CBD393250 BRG393221:BRH393250 BHK393221:BHL393250 AXO393221:AXP393250 ANS393221:ANT393250 ADW393221:ADX393250 UA393221:UB393250 KE393221:KF393250 AC393221:AF393250 WWQ327685:WWR327714 WMU327685:WMV327714 WCY327685:WCZ327714 VTC327685:VTD327714 VJG327685:VJH327714 UZK327685:UZL327714 UPO327685:UPP327714 UFS327685:UFT327714 TVW327685:TVX327714 TMA327685:TMB327714 TCE327685:TCF327714 SSI327685:SSJ327714 SIM327685:SIN327714 RYQ327685:RYR327714 ROU327685:ROV327714 REY327685:REZ327714 QVC327685:QVD327714 QLG327685:QLH327714 QBK327685:QBL327714 PRO327685:PRP327714 PHS327685:PHT327714 OXW327685:OXX327714 OOA327685:OOB327714 OEE327685:OEF327714 NUI327685:NUJ327714 NKM327685:NKN327714 NAQ327685:NAR327714 MQU327685:MQV327714 MGY327685:MGZ327714 LXC327685:LXD327714 LNG327685:LNH327714 LDK327685:LDL327714 KTO327685:KTP327714 KJS327685:KJT327714 JZW327685:JZX327714 JQA327685:JQB327714 JGE327685:JGF327714 IWI327685:IWJ327714 IMM327685:IMN327714 ICQ327685:ICR327714 HSU327685:HSV327714 HIY327685:HIZ327714 GZC327685:GZD327714 GPG327685:GPH327714 GFK327685:GFL327714 FVO327685:FVP327714 FLS327685:FLT327714 FBW327685:FBX327714 ESA327685:ESB327714 EIE327685:EIF327714 DYI327685:DYJ327714 DOM327685:DON327714 DEQ327685:DER327714 CUU327685:CUV327714 CKY327685:CKZ327714 CBC327685:CBD327714 BRG327685:BRH327714 BHK327685:BHL327714 AXO327685:AXP327714 ANS327685:ANT327714 ADW327685:ADX327714 UA327685:UB327714 KE327685:KF327714 AC327685:AF327714 WWQ262149:WWR262178 WMU262149:WMV262178 WCY262149:WCZ262178 VTC262149:VTD262178 VJG262149:VJH262178 UZK262149:UZL262178 UPO262149:UPP262178 UFS262149:UFT262178 TVW262149:TVX262178 TMA262149:TMB262178 TCE262149:TCF262178 SSI262149:SSJ262178 SIM262149:SIN262178 RYQ262149:RYR262178 ROU262149:ROV262178 REY262149:REZ262178 QVC262149:QVD262178 QLG262149:QLH262178 QBK262149:QBL262178 PRO262149:PRP262178 PHS262149:PHT262178 OXW262149:OXX262178 OOA262149:OOB262178 OEE262149:OEF262178 NUI262149:NUJ262178 NKM262149:NKN262178 NAQ262149:NAR262178 MQU262149:MQV262178 MGY262149:MGZ262178 LXC262149:LXD262178 LNG262149:LNH262178 LDK262149:LDL262178 KTO262149:KTP262178 KJS262149:KJT262178 JZW262149:JZX262178 JQA262149:JQB262178 JGE262149:JGF262178 IWI262149:IWJ262178 IMM262149:IMN262178 ICQ262149:ICR262178 HSU262149:HSV262178 HIY262149:HIZ262178 GZC262149:GZD262178 GPG262149:GPH262178 GFK262149:GFL262178 FVO262149:FVP262178 FLS262149:FLT262178 FBW262149:FBX262178 ESA262149:ESB262178 EIE262149:EIF262178 DYI262149:DYJ262178 DOM262149:DON262178 DEQ262149:DER262178 CUU262149:CUV262178 CKY262149:CKZ262178 CBC262149:CBD262178 BRG262149:BRH262178 BHK262149:BHL262178 AXO262149:AXP262178 ANS262149:ANT262178 ADW262149:ADX262178 UA262149:UB262178 KE262149:KF262178 AC262149:AF262178 WWQ196613:WWR196642 WMU196613:WMV196642 WCY196613:WCZ196642 VTC196613:VTD196642 VJG196613:VJH196642 UZK196613:UZL196642 UPO196613:UPP196642 UFS196613:UFT196642 TVW196613:TVX196642 TMA196613:TMB196642 TCE196613:TCF196642 SSI196613:SSJ196642 SIM196613:SIN196642 RYQ196613:RYR196642 ROU196613:ROV196642 REY196613:REZ196642 QVC196613:QVD196642 QLG196613:QLH196642 QBK196613:QBL196642 PRO196613:PRP196642 PHS196613:PHT196642 OXW196613:OXX196642 OOA196613:OOB196642 OEE196613:OEF196642 NUI196613:NUJ196642 NKM196613:NKN196642 NAQ196613:NAR196642 MQU196613:MQV196642 MGY196613:MGZ196642 LXC196613:LXD196642 LNG196613:LNH196642 LDK196613:LDL196642 KTO196613:KTP196642 KJS196613:KJT196642 JZW196613:JZX196642 JQA196613:JQB196642 JGE196613:JGF196642 IWI196613:IWJ196642 IMM196613:IMN196642 ICQ196613:ICR196642 HSU196613:HSV196642 HIY196613:HIZ196642 GZC196613:GZD196642 GPG196613:GPH196642 GFK196613:GFL196642 FVO196613:FVP196642 FLS196613:FLT196642 FBW196613:FBX196642 ESA196613:ESB196642 EIE196613:EIF196642 DYI196613:DYJ196642 DOM196613:DON196642 DEQ196613:DER196642 CUU196613:CUV196642 CKY196613:CKZ196642 CBC196613:CBD196642 BRG196613:BRH196642 BHK196613:BHL196642 AXO196613:AXP196642 ANS196613:ANT196642 ADW196613:ADX196642 UA196613:UB196642 KE196613:KF196642 AC196613:AF196642 WWQ131077:WWR131106 WMU131077:WMV131106 WCY131077:WCZ131106 VTC131077:VTD131106 VJG131077:VJH131106 UZK131077:UZL131106 UPO131077:UPP131106 UFS131077:UFT131106 TVW131077:TVX131106 TMA131077:TMB131106 TCE131077:TCF131106 SSI131077:SSJ131106 SIM131077:SIN131106 RYQ131077:RYR131106 ROU131077:ROV131106 REY131077:REZ131106 QVC131077:QVD131106 QLG131077:QLH131106 QBK131077:QBL131106 PRO131077:PRP131106 PHS131077:PHT131106 OXW131077:OXX131106 OOA131077:OOB131106 OEE131077:OEF131106 NUI131077:NUJ131106 NKM131077:NKN131106 NAQ131077:NAR131106 MQU131077:MQV131106 MGY131077:MGZ131106 LXC131077:LXD131106 LNG131077:LNH131106 LDK131077:LDL131106 KTO131077:KTP131106 KJS131077:KJT131106 JZW131077:JZX131106 JQA131077:JQB131106 JGE131077:JGF131106 IWI131077:IWJ131106 IMM131077:IMN131106 ICQ131077:ICR131106 HSU131077:HSV131106 HIY131077:HIZ131106 GZC131077:GZD131106 GPG131077:GPH131106 GFK131077:GFL131106 FVO131077:FVP131106 FLS131077:FLT131106 FBW131077:FBX131106 ESA131077:ESB131106 EIE131077:EIF131106 DYI131077:DYJ131106 DOM131077:DON131106 DEQ131077:DER131106 CUU131077:CUV131106 CKY131077:CKZ131106 CBC131077:CBD131106 BRG131077:BRH131106 BHK131077:BHL131106 AXO131077:AXP131106 ANS131077:ANT131106 ADW131077:ADX131106 UA131077:UB131106 KE131077:KF131106 AC131077:AF131106 WWQ65541:WWR65570 WMU65541:WMV65570 WCY65541:WCZ65570 VTC65541:VTD65570 VJG65541:VJH65570 UZK65541:UZL65570 UPO65541:UPP65570 UFS65541:UFT65570 TVW65541:TVX65570 TMA65541:TMB65570 TCE65541:TCF65570 SSI65541:SSJ65570 SIM65541:SIN65570 RYQ65541:RYR65570 ROU65541:ROV65570 REY65541:REZ65570 QVC65541:QVD65570 QLG65541:QLH65570 QBK65541:QBL65570 PRO65541:PRP65570 PHS65541:PHT65570 OXW65541:OXX65570 OOA65541:OOB65570 OEE65541:OEF65570 NUI65541:NUJ65570 NKM65541:NKN65570 NAQ65541:NAR65570 MQU65541:MQV65570 MGY65541:MGZ65570 LXC65541:LXD65570 LNG65541:LNH65570 LDK65541:LDL65570 KTO65541:KTP65570 KJS65541:KJT65570 JZW65541:JZX65570 JQA65541:JQB65570 JGE65541:JGF65570 IWI65541:IWJ65570 IMM65541:IMN65570 ICQ65541:ICR65570 HSU65541:HSV65570 HIY65541:HIZ65570 GZC65541:GZD65570 GPG65541:GPH65570 GFK65541:GFL65570 FVO65541:FVP65570 FLS65541:FLT65570 FBW65541:FBX65570 ESA65541:ESB65570 EIE65541:EIF65570 DYI65541:DYJ65570 DOM65541:DON65570 DEQ65541:DER65570 CUU65541:CUV65570 CKY65541:CKZ65570 CBC65541:CBD65570 BRG65541:BRH65570 BHK65541:BHL65570 AXO65541:AXP65570 ANS65541:ANT65570 ADW65541:ADX65570 UA65541:UB65570 KE65541:KF65570 AC65541:AF65570 JT9:KC38 WWQ9:WWR38 WMU9:WMV38 WCY9:WCZ38 VTC9:VTD38 VJG9:VJH38 UZK9:UZL38 UPO9:UPP38 UFS9:UFT38 TVW9:TVX38 TMA9:TMB38 TCE9:TCF38 SSI9:SSJ38 SIM9:SIN38 RYQ9:RYR38 ROU9:ROV38 REY9:REZ38 QVC9:QVD38 QLG9:QLH38 QBK9:QBL38 PRO9:PRP38 PHS9:PHT38 OXW9:OXX38 OOA9:OOB38 OEE9:OEF38 NUI9:NUJ38 NKM9:NKN38 NAQ9:NAR38 MQU9:MQV38 MGY9:MGZ38 LXC9:LXD38 LNG9:LNH38 LDK9:LDL38 KTO9:KTP38 KJS9:KJT38 JZW9:JZX38 JQA9:JQB38 JGE9:JGF38 IWI9:IWJ38 IMM9:IMN38 ICQ9:ICR38 HSU9:HSV38 HIY9:HIZ38 GZC9:GZD38 GPG9:GPH38 GFK9:GFL38 FVO9:FVP38 FLS9:FLT38 FBW9:FBX38 ESA9:ESB38 EIE9:EIF38 DYI9:DYJ38 DOM9:DON38 DEQ9:DER38 CUU9:CUV38 CKY9:CKZ38 CBC9:CBD38 BRG9:BRH38 BHK9:BHL38 AXO9:AXP38 ANS9:ANT38 ADW9:ADX38 UA9:UB38 KE9:KF38 WXH983045:WXN983074 WNL983045:WNR983074 WDP983045:WDV983074 VTT983045:VTZ983074 VJX983045:VKD983074 VAB983045:VAH983074 UQF983045:UQL983074 UGJ983045:UGP983074 TWN983045:TWT983074 TMR983045:TMX983074 TCV983045:TDB983074 SSZ983045:STF983074 SJD983045:SJJ983074 RZH983045:RZN983074 RPL983045:RPR983074 RFP983045:RFV983074 QVT983045:QVZ983074 QLX983045:QMD983074 QCB983045:QCH983074 PSF983045:PSL983074 PIJ983045:PIP983074 OYN983045:OYT983074 OOR983045:OOX983074 OEV983045:OFB983074 NUZ983045:NVF983074 NLD983045:NLJ983074 NBH983045:NBN983074 MRL983045:MRR983074 MHP983045:MHV983074 LXT983045:LXZ983074 LNX983045:LOD983074 LEB983045:LEH983074 KUF983045:KUL983074 KKJ983045:KKP983074 KAN983045:KAT983074 JQR983045:JQX983074 JGV983045:JHB983074 IWZ983045:IXF983074 IND983045:INJ983074 IDH983045:IDN983074 HTL983045:HTR983074 HJP983045:HJV983074 GZT983045:GZZ983074 GPX983045:GQD983074 GGB983045:GGH983074 FWF983045:FWL983074 FMJ983045:FMP983074 FCN983045:FCT983074 ESR983045:ESX983074 EIV983045:EJB983074 DYZ983045:DZF983074 DPD983045:DPJ983074 DFH983045:DFN983074 CVL983045:CVR983074 CLP983045:CLV983074 CBT983045:CBZ983074 BRX983045:BSD983074 BIB983045:BIH983074 AYF983045:AYL983074 AOJ983045:AOP983074 AEN983045:AET983074 UR983045:UX983074 KV983045:LB983074 AZ983045:BF983074 WXH917509:WXN917538 WNL917509:WNR917538 WDP917509:WDV917538 VTT917509:VTZ917538 VJX917509:VKD917538 VAB917509:VAH917538 UQF917509:UQL917538 UGJ917509:UGP917538 TWN917509:TWT917538 TMR917509:TMX917538 TCV917509:TDB917538 SSZ917509:STF917538 SJD917509:SJJ917538 RZH917509:RZN917538 RPL917509:RPR917538 RFP917509:RFV917538 QVT917509:QVZ917538 QLX917509:QMD917538 QCB917509:QCH917538 PSF917509:PSL917538 PIJ917509:PIP917538 OYN917509:OYT917538 OOR917509:OOX917538 OEV917509:OFB917538 NUZ917509:NVF917538 NLD917509:NLJ917538 NBH917509:NBN917538 MRL917509:MRR917538 MHP917509:MHV917538 LXT917509:LXZ917538 LNX917509:LOD917538 LEB917509:LEH917538 KUF917509:KUL917538 KKJ917509:KKP917538 KAN917509:KAT917538 JQR917509:JQX917538 JGV917509:JHB917538 IWZ917509:IXF917538 IND917509:INJ917538 IDH917509:IDN917538 HTL917509:HTR917538 HJP917509:HJV917538 GZT917509:GZZ917538 GPX917509:GQD917538 GGB917509:GGH917538 FWF917509:FWL917538 FMJ917509:FMP917538 FCN917509:FCT917538 ESR917509:ESX917538 EIV917509:EJB917538 DYZ917509:DZF917538 DPD917509:DPJ917538 DFH917509:DFN917538 CVL917509:CVR917538 CLP917509:CLV917538 CBT917509:CBZ917538 BRX917509:BSD917538 BIB917509:BIH917538 AYF917509:AYL917538 AOJ917509:AOP917538 AEN917509:AET917538 UR917509:UX917538 KV917509:LB917538 AZ917509:BF917538 WXH851973:WXN852002 WNL851973:WNR852002 WDP851973:WDV852002 VTT851973:VTZ852002 VJX851973:VKD852002 VAB851973:VAH852002 UQF851973:UQL852002 UGJ851973:UGP852002 TWN851973:TWT852002 TMR851973:TMX852002 TCV851973:TDB852002 SSZ851973:STF852002 SJD851973:SJJ852002 RZH851973:RZN852002 RPL851973:RPR852002 RFP851973:RFV852002 QVT851973:QVZ852002 QLX851973:QMD852002 QCB851973:QCH852002 PSF851973:PSL852002 PIJ851973:PIP852002 OYN851973:OYT852002 OOR851973:OOX852002 OEV851973:OFB852002 NUZ851973:NVF852002 NLD851973:NLJ852002 NBH851973:NBN852002 MRL851973:MRR852002 MHP851973:MHV852002 LXT851973:LXZ852002 LNX851973:LOD852002 LEB851973:LEH852002 KUF851973:KUL852002 KKJ851973:KKP852002 KAN851973:KAT852002 JQR851973:JQX852002 JGV851973:JHB852002 IWZ851973:IXF852002 IND851973:INJ852002 IDH851973:IDN852002 HTL851973:HTR852002 HJP851973:HJV852002 GZT851973:GZZ852002 GPX851973:GQD852002 GGB851973:GGH852002 FWF851973:FWL852002 FMJ851973:FMP852002 FCN851973:FCT852002 ESR851973:ESX852002 EIV851973:EJB852002 DYZ851973:DZF852002 DPD851973:DPJ852002 DFH851973:DFN852002 CVL851973:CVR852002 CLP851973:CLV852002 CBT851973:CBZ852002 BRX851973:BSD852002 BIB851973:BIH852002 AYF851973:AYL852002 AOJ851973:AOP852002 AEN851973:AET852002 UR851973:UX852002 KV851973:LB852002 AZ851973:BF852002 WXH786437:WXN786466 WNL786437:WNR786466 WDP786437:WDV786466 VTT786437:VTZ786466 VJX786437:VKD786466 VAB786437:VAH786466 UQF786437:UQL786466 UGJ786437:UGP786466 TWN786437:TWT786466 TMR786437:TMX786466 TCV786437:TDB786466 SSZ786437:STF786466 SJD786437:SJJ786466 RZH786437:RZN786466 RPL786437:RPR786466 RFP786437:RFV786466 QVT786437:QVZ786466 QLX786437:QMD786466 QCB786437:QCH786466 PSF786437:PSL786466 PIJ786437:PIP786466 OYN786437:OYT786466 OOR786437:OOX786466 OEV786437:OFB786466 NUZ786437:NVF786466 NLD786437:NLJ786466 NBH786437:NBN786466 MRL786437:MRR786466 MHP786437:MHV786466 LXT786437:LXZ786466 LNX786437:LOD786466 LEB786437:LEH786466 KUF786437:KUL786466 KKJ786437:KKP786466 KAN786437:KAT786466 JQR786437:JQX786466 JGV786437:JHB786466 IWZ786437:IXF786466 IND786437:INJ786466 IDH786437:IDN786466 HTL786437:HTR786466 HJP786437:HJV786466 GZT786437:GZZ786466 GPX786437:GQD786466 GGB786437:GGH786466 FWF786437:FWL786466 FMJ786437:FMP786466 FCN786437:FCT786466 ESR786437:ESX786466 EIV786437:EJB786466 DYZ786437:DZF786466 DPD786437:DPJ786466 DFH786437:DFN786466 CVL786437:CVR786466 CLP786437:CLV786466 CBT786437:CBZ786466 BRX786437:BSD786466 BIB786437:BIH786466 AYF786437:AYL786466 AOJ786437:AOP786466 AEN786437:AET786466 UR786437:UX786466 KV786437:LB786466 AZ786437:BF786466 WXH720901:WXN720930 WNL720901:WNR720930 WDP720901:WDV720930 VTT720901:VTZ720930 VJX720901:VKD720930 VAB720901:VAH720930 UQF720901:UQL720930 UGJ720901:UGP720930 TWN720901:TWT720930 TMR720901:TMX720930 TCV720901:TDB720930 SSZ720901:STF720930 SJD720901:SJJ720930 RZH720901:RZN720930 RPL720901:RPR720930 RFP720901:RFV720930 QVT720901:QVZ720930 QLX720901:QMD720930 QCB720901:QCH720930 PSF720901:PSL720930 PIJ720901:PIP720930 OYN720901:OYT720930 OOR720901:OOX720930 OEV720901:OFB720930 NUZ720901:NVF720930 NLD720901:NLJ720930 NBH720901:NBN720930 MRL720901:MRR720930 MHP720901:MHV720930 LXT720901:LXZ720930 LNX720901:LOD720930 LEB720901:LEH720930 KUF720901:KUL720930 KKJ720901:KKP720930 KAN720901:KAT720930 JQR720901:JQX720930 JGV720901:JHB720930 IWZ720901:IXF720930 IND720901:INJ720930 IDH720901:IDN720930 HTL720901:HTR720930 HJP720901:HJV720930 GZT720901:GZZ720930 GPX720901:GQD720930 GGB720901:GGH720930 FWF720901:FWL720930 FMJ720901:FMP720930 FCN720901:FCT720930 ESR720901:ESX720930 EIV720901:EJB720930 DYZ720901:DZF720930 DPD720901:DPJ720930 DFH720901:DFN720930 CVL720901:CVR720930 CLP720901:CLV720930 CBT720901:CBZ720930 BRX720901:BSD720930 BIB720901:BIH720930 AYF720901:AYL720930 AOJ720901:AOP720930 AEN720901:AET720930 UR720901:UX720930 KV720901:LB720930 AZ720901:BF720930 WXH655365:WXN655394 WNL655365:WNR655394 WDP655365:WDV655394 VTT655365:VTZ655394 VJX655365:VKD655394 VAB655365:VAH655394 UQF655365:UQL655394 UGJ655365:UGP655394 TWN655365:TWT655394 TMR655365:TMX655394 TCV655365:TDB655394 SSZ655365:STF655394 SJD655365:SJJ655394 RZH655365:RZN655394 RPL655365:RPR655394 RFP655365:RFV655394 QVT655365:QVZ655394 QLX655365:QMD655394 QCB655365:QCH655394 PSF655365:PSL655394 PIJ655365:PIP655394 OYN655365:OYT655394 OOR655365:OOX655394 OEV655365:OFB655394 NUZ655365:NVF655394 NLD655365:NLJ655394 NBH655365:NBN655394 MRL655365:MRR655394 MHP655365:MHV655394 LXT655365:LXZ655394 LNX655365:LOD655394 LEB655365:LEH655394 KUF655365:KUL655394 KKJ655365:KKP655394 KAN655365:KAT655394 JQR655365:JQX655394 JGV655365:JHB655394 IWZ655365:IXF655394 IND655365:INJ655394 IDH655365:IDN655394 HTL655365:HTR655394 HJP655365:HJV655394 GZT655365:GZZ655394 GPX655365:GQD655394 GGB655365:GGH655394 FWF655365:FWL655394 FMJ655365:FMP655394 FCN655365:FCT655394 ESR655365:ESX655394 EIV655365:EJB655394 DYZ655365:DZF655394 DPD655365:DPJ655394 DFH655365:DFN655394 CVL655365:CVR655394 CLP655365:CLV655394 CBT655365:CBZ655394 BRX655365:BSD655394 BIB655365:BIH655394 AYF655365:AYL655394 AOJ655365:AOP655394 AEN655365:AET655394 UR655365:UX655394 KV655365:LB655394 AZ655365:BF655394 WXH589829:WXN589858 WNL589829:WNR589858 WDP589829:WDV589858 VTT589829:VTZ589858 VJX589829:VKD589858 VAB589829:VAH589858 UQF589829:UQL589858 UGJ589829:UGP589858 TWN589829:TWT589858 TMR589829:TMX589858 TCV589829:TDB589858 SSZ589829:STF589858 SJD589829:SJJ589858 RZH589829:RZN589858 RPL589829:RPR589858 RFP589829:RFV589858 QVT589829:QVZ589858 QLX589829:QMD589858 QCB589829:QCH589858 PSF589829:PSL589858 PIJ589829:PIP589858 OYN589829:OYT589858 OOR589829:OOX589858 OEV589829:OFB589858 NUZ589829:NVF589858 NLD589829:NLJ589858 NBH589829:NBN589858 MRL589829:MRR589858 MHP589829:MHV589858 LXT589829:LXZ589858 LNX589829:LOD589858 LEB589829:LEH589858 KUF589829:KUL589858 KKJ589829:KKP589858 KAN589829:KAT589858 JQR589829:JQX589858 JGV589829:JHB589858 IWZ589829:IXF589858 IND589829:INJ589858 IDH589829:IDN589858 HTL589829:HTR589858 HJP589829:HJV589858 GZT589829:GZZ589858 GPX589829:GQD589858 GGB589829:GGH589858 FWF589829:FWL589858 FMJ589829:FMP589858 FCN589829:FCT589858 ESR589829:ESX589858 EIV589829:EJB589858 DYZ589829:DZF589858 DPD589829:DPJ589858 DFH589829:DFN589858 CVL589829:CVR589858 CLP589829:CLV589858 CBT589829:CBZ589858 BRX589829:BSD589858 BIB589829:BIH589858 AYF589829:AYL589858 AOJ589829:AOP589858 AEN589829:AET589858 UR589829:UX589858 KV589829:LB589858 AZ589829:BF589858 WXH524293:WXN524322 WNL524293:WNR524322 WDP524293:WDV524322 VTT524293:VTZ524322 VJX524293:VKD524322 VAB524293:VAH524322 UQF524293:UQL524322 UGJ524293:UGP524322 TWN524293:TWT524322 TMR524293:TMX524322 TCV524293:TDB524322 SSZ524293:STF524322 SJD524293:SJJ524322 RZH524293:RZN524322 RPL524293:RPR524322 RFP524293:RFV524322 QVT524293:QVZ524322 QLX524293:QMD524322 QCB524293:QCH524322 PSF524293:PSL524322 PIJ524293:PIP524322 OYN524293:OYT524322 OOR524293:OOX524322 OEV524293:OFB524322 NUZ524293:NVF524322 NLD524293:NLJ524322 NBH524293:NBN524322 MRL524293:MRR524322 MHP524293:MHV524322 LXT524293:LXZ524322 LNX524293:LOD524322 LEB524293:LEH524322 KUF524293:KUL524322 KKJ524293:KKP524322 KAN524293:KAT524322 JQR524293:JQX524322 JGV524293:JHB524322 IWZ524293:IXF524322 IND524293:INJ524322 IDH524293:IDN524322 HTL524293:HTR524322 HJP524293:HJV524322 GZT524293:GZZ524322 GPX524293:GQD524322 GGB524293:GGH524322 FWF524293:FWL524322 FMJ524293:FMP524322 FCN524293:FCT524322 ESR524293:ESX524322 EIV524293:EJB524322 DYZ524293:DZF524322 DPD524293:DPJ524322 DFH524293:DFN524322 CVL524293:CVR524322 CLP524293:CLV524322 CBT524293:CBZ524322 BRX524293:BSD524322 BIB524293:BIH524322 AYF524293:AYL524322 AOJ524293:AOP524322 AEN524293:AET524322 UR524293:UX524322 KV524293:LB524322 AZ524293:BF524322 WXH458757:WXN458786 WNL458757:WNR458786 WDP458757:WDV458786 VTT458757:VTZ458786 VJX458757:VKD458786 VAB458757:VAH458786 UQF458757:UQL458786 UGJ458757:UGP458786 TWN458757:TWT458786 TMR458757:TMX458786 TCV458757:TDB458786 SSZ458757:STF458786 SJD458757:SJJ458786 RZH458757:RZN458786 RPL458757:RPR458786 RFP458757:RFV458786 QVT458757:QVZ458786 QLX458757:QMD458786 QCB458757:QCH458786 PSF458757:PSL458786 PIJ458757:PIP458786 OYN458757:OYT458786 OOR458757:OOX458786 OEV458757:OFB458786 NUZ458757:NVF458786 NLD458757:NLJ458786 NBH458757:NBN458786 MRL458757:MRR458786 MHP458757:MHV458786 LXT458757:LXZ458786 LNX458757:LOD458786 LEB458757:LEH458786 KUF458757:KUL458786 KKJ458757:KKP458786 KAN458757:KAT458786 JQR458757:JQX458786 JGV458757:JHB458786 IWZ458757:IXF458786 IND458757:INJ458786 IDH458757:IDN458786 HTL458757:HTR458786 HJP458757:HJV458786 GZT458757:GZZ458786 GPX458757:GQD458786 GGB458757:GGH458786 FWF458757:FWL458786 FMJ458757:FMP458786 FCN458757:FCT458786 ESR458757:ESX458786 EIV458757:EJB458786 DYZ458757:DZF458786 DPD458757:DPJ458786 DFH458757:DFN458786 CVL458757:CVR458786 CLP458757:CLV458786 CBT458757:CBZ458786 BRX458757:BSD458786 BIB458757:BIH458786 AYF458757:AYL458786 AOJ458757:AOP458786 AEN458757:AET458786 UR458757:UX458786 KV458757:LB458786 AZ458757:BF458786 WXH393221:WXN393250 WNL393221:WNR393250 WDP393221:WDV393250 VTT393221:VTZ393250 VJX393221:VKD393250 VAB393221:VAH393250 UQF393221:UQL393250 UGJ393221:UGP393250 TWN393221:TWT393250 TMR393221:TMX393250 TCV393221:TDB393250 SSZ393221:STF393250 SJD393221:SJJ393250 RZH393221:RZN393250 RPL393221:RPR393250 RFP393221:RFV393250 QVT393221:QVZ393250 QLX393221:QMD393250 QCB393221:QCH393250 PSF393221:PSL393250 PIJ393221:PIP393250 OYN393221:OYT393250 OOR393221:OOX393250 OEV393221:OFB393250 NUZ393221:NVF393250 NLD393221:NLJ393250 NBH393221:NBN393250 MRL393221:MRR393250 MHP393221:MHV393250 LXT393221:LXZ393250 LNX393221:LOD393250 LEB393221:LEH393250 KUF393221:KUL393250 KKJ393221:KKP393250 KAN393221:KAT393250 JQR393221:JQX393250 JGV393221:JHB393250 IWZ393221:IXF393250 IND393221:INJ393250 IDH393221:IDN393250 HTL393221:HTR393250 HJP393221:HJV393250 GZT393221:GZZ393250 GPX393221:GQD393250 GGB393221:GGH393250 FWF393221:FWL393250 FMJ393221:FMP393250 FCN393221:FCT393250 ESR393221:ESX393250 EIV393221:EJB393250 DYZ393221:DZF393250 DPD393221:DPJ393250 DFH393221:DFN393250 CVL393221:CVR393250 CLP393221:CLV393250 CBT393221:CBZ393250 BRX393221:BSD393250 BIB393221:BIH393250 AYF393221:AYL393250 AOJ393221:AOP393250 AEN393221:AET393250 UR393221:UX393250 KV393221:LB393250 AZ393221:BF393250 WXH327685:WXN327714 WNL327685:WNR327714 WDP327685:WDV327714 VTT327685:VTZ327714 VJX327685:VKD327714 VAB327685:VAH327714 UQF327685:UQL327714 UGJ327685:UGP327714 TWN327685:TWT327714 TMR327685:TMX327714 TCV327685:TDB327714 SSZ327685:STF327714 SJD327685:SJJ327714 RZH327685:RZN327714 RPL327685:RPR327714 RFP327685:RFV327714 QVT327685:QVZ327714 QLX327685:QMD327714 QCB327685:QCH327714 PSF327685:PSL327714 PIJ327685:PIP327714 OYN327685:OYT327714 OOR327685:OOX327714 OEV327685:OFB327714 NUZ327685:NVF327714 NLD327685:NLJ327714 NBH327685:NBN327714 MRL327685:MRR327714 MHP327685:MHV327714 LXT327685:LXZ327714 LNX327685:LOD327714 LEB327685:LEH327714 KUF327685:KUL327714 KKJ327685:KKP327714 KAN327685:KAT327714 JQR327685:JQX327714 JGV327685:JHB327714 IWZ327685:IXF327714 IND327685:INJ327714 IDH327685:IDN327714 HTL327685:HTR327714 HJP327685:HJV327714 GZT327685:GZZ327714 GPX327685:GQD327714 GGB327685:GGH327714 FWF327685:FWL327714 FMJ327685:FMP327714 FCN327685:FCT327714 ESR327685:ESX327714 EIV327685:EJB327714 DYZ327685:DZF327714 DPD327685:DPJ327714 DFH327685:DFN327714 CVL327685:CVR327714 CLP327685:CLV327714 CBT327685:CBZ327714 BRX327685:BSD327714 BIB327685:BIH327714 AYF327685:AYL327714 AOJ327685:AOP327714 AEN327685:AET327714 UR327685:UX327714 KV327685:LB327714 AZ327685:BF327714 WXH262149:WXN262178 WNL262149:WNR262178 WDP262149:WDV262178 VTT262149:VTZ262178 VJX262149:VKD262178 VAB262149:VAH262178 UQF262149:UQL262178 UGJ262149:UGP262178 TWN262149:TWT262178 TMR262149:TMX262178 TCV262149:TDB262178 SSZ262149:STF262178 SJD262149:SJJ262178 RZH262149:RZN262178 RPL262149:RPR262178 RFP262149:RFV262178 QVT262149:QVZ262178 QLX262149:QMD262178 QCB262149:QCH262178 PSF262149:PSL262178 PIJ262149:PIP262178 OYN262149:OYT262178 OOR262149:OOX262178 OEV262149:OFB262178 NUZ262149:NVF262178 NLD262149:NLJ262178 NBH262149:NBN262178 MRL262149:MRR262178 MHP262149:MHV262178 LXT262149:LXZ262178 LNX262149:LOD262178 LEB262149:LEH262178 KUF262149:KUL262178 KKJ262149:KKP262178 KAN262149:KAT262178 JQR262149:JQX262178 JGV262149:JHB262178 IWZ262149:IXF262178 IND262149:INJ262178 IDH262149:IDN262178 HTL262149:HTR262178 HJP262149:HJV262178 GZT262149:GZZ262178 GPX262149:GQD262178 GGB262149:GGH262178 FWF262149:FWL262178 FMJ262149:FMP262178 FCN262149:FCT262178 ESR262149:ESX262178 EIV262149:EJB262178 DYZ262149:DZF262178 DPD262149:DPJ262178 DFH262149:DFN262178 CVL262149:CVR262178 CLP262149:CLV262178 CBT262149:CBZ262178 BRX262149:BSD262178 BIB262149:BIH262178 AYF262149:AYL262178 AOJ262149:AOP262178 AEN262149:AET262178 UR262149:UX262178 KV262149:LB262178 AZ262149:BF262178 WXH196613:WXN196642 WNL196613:WNR196642 WDP196613:WDV196642 VTT196613:VTZ196642 VJX196613:VKD196642 VAB196613:VAH196642 UQF196613:UQL196642 UGJ196613:UGP196642 TWN196613:TWT196642 TMR196613:TMX196642 TCV196613:TDB196642 SSZ196613:STF196642 SJD196613:SJJ196642 RZH196613:RZN196642 RPL196613:RPR196642 RFP196613:RFV196642 QVT196613:QVZ196642 QLX196613:QMD196642 QCB196613:QCH196642 PSF196613:PSL196642 PIJ196613:PIP196642 OYN196613:OYT196642 OOR196613:OOX196642 OEV196613:OFB196642 NUZ196613:NVF196642 NLD196613:NLJ196642 NBH196613:NBN196642 MRL196613:MRR196642 MHP196613:MHV196642 LXT196613:LXZ196642 LNX196613:LOD196642 LEB196613:LEH196642 KUF196613:KUL196642 KKJ196613:KKP196642 KAN196613:KAT196642 JQR196613:JQX196642 JGV196613:JHB196642 IWZ196613:IXF196642 IND196613:INJ196642 IDH196613:IDN196642 HTL196613:HTR196642 HJP196613:HJV196642 GZT196613:GZZ196642 GPX196613:GQD196642 GGB196613:GGH196642 FWF196613:FWL196642 FMJ196613:FMP196642 FCN196613:FCT196642 ESR196613:ESX196642 EIV196613:EJB196642 DYZ196613:DZF196642 DPD196613:DPJ196642 DFH196613:DFN196642 CVL196613:CVR196642 CLP196613:CLV196642 CBT196613:CBZ196642 BRX196613:BSD196642 BIB196613:BIH196642 AYF196613:AYL196642 AOJ196613:AOP196642 AEN196613:AET196642 UR196613:UX196642 KV196613:LB196642 AZ196613:BF196642 WXH131077:WXN131106 WNL131077:WNR131106 WDP131077:WDV131106 VTT131077:VTZ131106 VJX131077:VKD131106 VAB131077:VAH131106 UQF131077:UQL131106 UGJ131077:UGP131106 TWN131077:TWT131106 TMR131077:TMX131106 TCV131077:TDB131106 SSZ131077:STF131106 SJD131077:SJJ131106 RZH131077:RZN131106 RPL131077:RPR131106 RFP131077:RFV131106 QVT131077:QVZ131106 QLX131077:QMD131106 QCB131077:QCH131106 PSF131077:PSL131106 PIJ131077:PIP131106 OYN131077:OYT131106 OOR131077:OOX131106 OEV131077:OFB131106 NUZ131077:NVF131106 NLD131077:NLJ131106 NBH131077:NBN131106 MRL131077:MRR131106 MHP131077:MHV131106 LXT131077:LXZ131106 LNX131077:LOD131106 LEB131077:LEH131106 KUF131077:KUL131106 KKJ131077:KKP131106 KAN131077:KAT131106 JQR131077:JQX131106 JGV131077:JHB131106 IWZ131077:IXF131106 IND131077:INJ131106 IDH131077:IDN131106 HTL131077:HTR131106 HJP131077:HJV131106 GZT131077:GZZ131106 GPX131077:GQD131106 GGB131077:GGH131106 FWF131077:FWL131106 FMJ131077:FMP131106 FCN131077:FCT131106 ESR131077:ESX131106 EIV131077:EJB131106 DYZ131077:DZF131106 DPD131077:DPJ131106 DFH131077:DFN131106 CVL131077:CVR131106 CLP131077:CLV131106 CBT131077:CBZ131106 BRX131077:BSD131106 BIB131077:BIH131106 AYF131077:AYL131106 AOJ131077:AOP131106 AEN131077:AET131106 UR131077:UX131106 KV131077:LB131106 AZ131077:BF131106 WXH65541:WXN65570 WNL65541:WNR65570 WDP65541:WDV65570 VTT65541:VTZ65570 VJX65541:VKD65570 VAB65541:VAH65570 UQF65541:UQL65570 UGJ65541:UGP65570 TWN65541:TWT65570 TMR65541:TMX65570 TCV65541:TDB65570 SSZ65541:STF65570 SJD65541:SJJ65570 RZH65541:RZN65570 RPL65541:RPR65570 RFP65541:RFV65570 QVT65541:QVZ65570 QLX65541:QMD65570 QCB65541:QCH65570 PSF65541:PSL65570 PIJ65541:PIP65570 OYN65541:OYT65570 OOR65541:OOX65570 OEV65541:OFB65570 NUZ65541:NVF65570 NLD65541:NLJ65570 NBH65541:NBN65570 MRL65541:MRR65570 MHP65541:MHV65570 LXT65541:LXZ65570 LNX65541:LOD65570 LEB65541:LEH65570 KUF65541:KUL65570 KKJ65541:KKP65570 KAN65541:KAT65570 JQR65541:JQX65570 JGV65541:JHB65570 IWZ65541:IXF65570 IND65541:INJ65570 IDH65541:IDN65570 HTL65541:HTR65570 HJP65541:HJV65570 GZT65541:GZZ65570 GPX65541:GQD65570 GGB65541:GGH65570 FWF65541:FWL65570 FMJ65541:FMP65570 FCN65541:FCT65570 ESR65541:ESX65570 EIV65541:EJB65570 DYZ65541:DZF65570 DPD65541:DPJ65570 DFH65541:DFN65570 CVL65541:CVR65570 CLP65541:CLV65570 CBT65541:CBZ65570 BRX65541:BSD65570 BIB65541:BIH65570 AYF65541:AYL65570 AOJ65541:AOP65570 AEN65541:AET65570 UR65541:UX65570 KV65541:LB65570 AZ65541:BF65570 WXH9:WXN38 WNL9:WNR38 WDP9:WDV38 VTT9:VTZ38 VJX9:VKD38 VAB9:VAH38 UQF9:UQL38 UGJ9:UGP38 TWN9:TWT38 TMR9:TMX38 TCV9:TDB38 SSZ9:STF38 SJD9:SJJ38 RZH9:RZN38 RPL9:RPR38 RFP9:RFV38 QVT9:QVZ38 QLX9:QMD38 QCB9:QCH38 PSF9:PSL38 PIJ9:PIP38 OYN9:OYT38 OOR9:OOX38 OEV9:OFB38 NUZ9:NVF38 NLD9:NLJ38 NBH9:NBN38 MRL9:MRR38 MHP9:MHV38 LXT9:LXZ38 LNX9:LOD38 LEB9:LEH38 KUF9:KUL38 KKJ9:KKP38 KAN9:KAT38 JQR9:JQX38 JGV9:JHB38 IWZ9:IXF38 IND9:INJ38 IDH9:IDN38 HTL9:HTR38 HJP9:HJV38 GZT9:GZZ38 GPX9:GQD38 GGB9:GGH38 FWF9:FWL38 FMJ9:FMP38 FCN9:FCT38 ESR9:ESX38 EIV9:EJB38 DYZ9:DZF38 DPD9:DPJ38 DFH9:DFN38 CVL9:CVR38 CLP9:CLV38 CBT9:CBZ38 BRX9:BSD38 BIB9:BIH38 AYF9:AYL38 AOJ9:AOP38 AEN9:AET38 UR9:UX38 KV9:LB38 WWT983045:WWY983074 WMX983045:WNC983074 WDB983045:WDG983074 VTF983045:VTK983074 VJJ983045:VJO983074 UZN983045:UZS983074 UPR983045:UPW983074 UFV983045:UGA983074 TVZ983045:TWE983074 TMD983045:TMI983074 TCH983045:TCM983074 SSL983045:SSQ983074 SIP983045:SIU983074 RYT983045:RYY983074 ROX983045:RPC983074 RFB983045:RFG983074 QVF983045:QVK983074 QLJ983045:QLO983074 QBN983045:QBS983074 PRR983045:PRW983074 PHV983045:PIA983074 OXZ983045:OYE983074 OOD983045:OOI983074 OEH983045:OEM983074 NUL983045:NUQ983074 NKP983045:NKU983074 NAT983045:NAY983074 MQX983045:MRC983074 MHB983045:MHG983074 LXF983045:LXK983074 LNJ983045:LNO983074 LDN983045:LDS983074 KTR983045:KTW983074 KJV983045:KKA983074 JZZ983045:KAE983074 JQD983045:JQI983074 JGH983045:JGM983074 IWL983045:IWQ983074 IMP983045:IMU983074 ICT983045:ICY983074 HSX983045:HTC983074 HJB983045:HJG983074 GZF983045:GZK983074 GPJ983045:GPO983074 GFN983045:GFS983074 FVR983045:FVW983074 FLV983045:FMA983074 FBZ983045:FCE983074 ESD983045:ESI983074 EIH983045:EIM983074 DYL983045:DYQ983074 DOP983045:DOU983074 DET983045:DEY983074 CUX983045:CVC983074 CLB983045:CLG983074 CBF983045:CBK983074 BRJ983045:BRO983074 BHN983045:BHS983074 AXR983045:AXW983074 ANV983045:AOA983074 ADZ983045:AEE983074 UD983045:UI983074 KH983045:KM983074 AH983045:AO983074 WWT917509:WWY917538 WMX917509:WNC917538 WDB917509:WDG917538 VTF917509:VTK917538 VJJ917509:VJO917538 UZN917509:UZS917538 UPR917509:UPW917538 UFV917509:UGA917538 TVZ917509:TWE917538 TMD917509:TMI917538 TCH917509:TCM917538 SSL917509:SSQ917538 SIP917509:SIU917538 RYT917509:RYY917538 ROX917509:RPC917538 RFB917509:RFG917538 QVF917509:QVK917538 QLJ917509:QLO917538 QBN917509:QBS917538 PRR917509:PRW917538 PHV917509:PIA917538 OXZ917509:OYE917538 OOD917509:OOI917538 OEH917509:OEM917538 NUL917509:NUQ917538 NKP917509:NKU917538 NAT917509:NAY917538 MQX917509:MRC917538 MHB917509:MHG917538 LXF917509:LXK917538 LNJ917509:LNO917538 LDN917509:LDS917538 KTR917509:KTW917538 KJV917509:KKA917538 JZZ917509:KAE917538 JQD917509:JQI917538 JGH917509:JGM917538 IWL917509:IWQ917538 IMP917509:IMU917538 ICT917509:ICY917538 HSX917509:HTC917538 HJB917509:HJG917538 GZF917509:GZK917538 GPJ917509:GPO917538 GFN917509:GFS917538 FVR917509:FVW917538 FLV917509:FMA917538 FBZ917509:FCE917538 ESD917509:ESI917538 EIH917509:EIM917538 DYL917509:DYQ917538 DOP917509:DOU917538 DET917509:DEY917538 CUX917509:CVC917538 CLB917509:CLG917538 CBF917509:CBK917538 BRJ917509:BRO917538 BHN917509:BHS917538 AXR917509:AXW917538 ANV917509:AOA917538 ADZ917509:AEE917538 UD917509:UI917538 KH917509:KM917538 AH917509:AO917538 WWT851973:WWY852002 WMX851973:WNC852002 WDB851973:WDG852002 VTF851973:VTK852002 VJJ851973:VJO852002 UZN851973:UZS852002 UPR851973:UPW852002 UFV851973:UGA852002 TVZ851973:TWE852002 TMD851973:TMI852002 TCH851973:TCM852002 SSL851973:SSQ852002 SIP851973:SIU852002 RYT851973:RYY852002 ROX851973:RPC852002 RFB851973:RFG852002 QVF851973:QVK852002 QLJ851973:QLO852002 QBN851973:QBS852002 PRR851973:PRW852002 PHV851973:PIA852002 OXZ851973:OYE852002 OOD851973:OOI852002 OEH851973:OEM852002 NUL851973:NUQ852002 NKP851973:NKU852002 NAT851973:NAY852002 MQX851973:MRC852002 MHB851973:MHG852002 LXF851973:LXK852002 LNJ851973:LNO852002 LDN851973:LDS852002 KTR851973:KTW852002 KJV851973:KKA852002 JZZ851973:KAE852002 JQD851973:JQI852002 JGH851973:JGM852002 IWL851973:IWQ852002 IMP851973:IMU852002 ICT851973:ICY852002 HSX851973:HTC852002 HJB851973:HJG852002 GZF851973:GZK852002 GPJ851973:GPO852002 GFN851973:GFS852002 FVR851973:FVW852002 FLV851973:FMA852002 FBZ851973:FCE852002 ESD851973:ESI852002 EIH851973:EIM852002 DYL851973:DYQ852002 DOP851973:DOU852002 DET851973:DEY852002 CUX851973:CVC852002 CLB851973:CLG852002 CBF851973:CBK852002 BRJ851973:BRO852002 BHN851973:BHS852002 AXR851973:AXW852002 ANV851973:AOA852002 ADZ851973:AEE852002 UD851973:UI852002 KH851973:KM852002 AH851973:AO852002 WWT786437:WWY786466 WMX786437:WNC786466 WDB786437:WDG786466 VTF786437:VTK786466 VJJ786437:VJO786466 UZN786437:UZS786466 UPR786437:UPW786466 UFV786437:UGA786466 TVZ786437:TWE786466 TMD786437:TMI786466 TCH786437:TCM786466 SSL786437:SSQ786466 SIP786437:SIU786466 RYT786437:RYY786466 ROX786437:RPC786466 RFB786437:RFG786466 QVF786437:QVK786466 QLJ786437:QLO786466 QBN786437:QBS786466 PRR786437:PRW786466 PHV786437:PIA786466 OXZ786437:OYE786466 OOD786437:OOI786466 OEH786437:OEM786466 NUL786437:NUQ786466 NKP786437:NKU786466 NAT786437:NAY786466 MQX786437:MRC786466 MHB786437:MHG786466 LXF786437:LXK786466 LNJ786437:LNO786466 LDN786437:LDS786466 KTR786437:KTW786466 KJV786437:KKA786466 JZZ786437:KAE786466 JQD786437:JQI786466 JGH786437:JGM786466 IWL786437:IWQ786466 IMP786437:IMU786466 ICT786437:ICY786466 HSX786437:HTC786466 HJB786437:HJG786466 GZF786437:GZK786466 GPJ786437:GPO786466 GFN786437:GFS786466 FVR786437:FVW786466 FLV786437:FMA786466 FBZ786437:FCE786466 ESD786437:ESI786466 EIH786437:EIM786466 DYL786437:DYQ786466 DOP786437:DOU786466 DET786437:DEY786466 CUX786437:CVC786466 CLB786437:CLG786466 CBF786437:CBK786466 BRJ786437:BRO786466 BHN786437:BHS786466 AXR786437:AXW786466 ANV786437:AOA786466 ADZ786437:AEE786466 UD786437:UI786466 KH786437:KM786466 AH786437:AO786466 WWT720901:WWY720930 WMX720901:WNC720930 WDB720901:WDG720930 VTF720901:VTK720930 VJJ720901:VJO720930 UZN720901:UZS720930 UPR720901:UPW720930 UFV720901:UGA720930 TVZ720901:TWE720930 TMD720901:TMI720930 TCH720901:TCM720930 SSL720901:SSQ720930 SIP720901:SIU720930 RYT720901:RYY720930 ROX720901:RPC720930 RFB720901:RFG720930 QVF720901:QVK720930 QLJ720901:QLO720930 QBN720901:QBS720930 PRR720901:PRW720930 PHV720901:PIA720930 OXZ720901:OYE720930 OOD720901:OOI720930 OEH720901:OEM720930 NUL720901:NUQ720930 NKP720901:NKU720930 NAT720901:NAY720930 MQX720901:MRC720930 MHB720901:MHG720930 LXF720901:LXK720930 LNJ720901:LNO720930 LDN720901:LDS720930 KTR720901:KTW720930 KJV720901:KKA720930 JZZ720901:KAE720930 JQD720901:JQI720930 JGH720901:JGM720930 IWL720901:IWQ720930 IMP720901:IMU720930 ICT720901:ICY720930 HSX720901:HTC720930 HJB720901:HJG720930 GZF720901:GZK720930 GPJ720901:GPO720930 GFN720901:GFS720930 FVR720901:FVW720930 FLV720901:FMA720930 FBZ720901:FCE720930 ESD720901:ESI720930 EIH720901:EIM720930 DYL720901:DYQ720930 DOP720901:DOU720930 DET720901:DEY720930 CUX720901:CVC720930 CLB720901:CLG720930 CBF720901:CBK720930 BRJ720901:BRO720930 BHN720901:BHS720930 AXR720901:AXW720930 ANV720901:AOA720930 ADZ720901:AEE720930 UD720901:UI720930 KH720901:KM720930 AH720901:AO720930 WWT655365:WWY655394 WMX655365:WNC655394 WDB655365:WDG655394 VTF655365:VTK655394 VJJ655365:VJO655394 UZN655365:UZS655394 UPR655365:UPW655394 UFV655365:UGA655394 TVZ655365:TWE655394 TMD655365:TMI655394 TCH655365:TCM655394 SSL655365:SSQ655394 SIP655365:SIU655394 RYT655365:RYY655394 ROX655365:RPC655394 RFB655365:RFG655394 QVF655365:QVK655394 QLJ655365:QLO655394 QBN655365:QBS655394 PRR655365:PRW655394 PHV655365:PIA655394 OXZ655365:OYE655394 OOD655365:OOI655394 OEH655365:OEM655394 NUL655365:NUQ655394 NKP655365:NKU655394 NAT655365:NAY655394 MQX655365:MRC655394 MHB655365:MHG655394 LXF655365:LXK655394 LNJ655365:LNO655394 LDN655365:LDS655394 KTR655365:KTW655394 KJV655365:KKA655394 JZZ655365:KAE655394 JQD655365:JQI655394 JGH655365:JGM655394 IWL655365:IWQ655394 IMP655365:IMU655394 ICT655365:ICY655394 HSX655365:HTC655394 HJB655365:HJG655394 GZF655365:GZK655394 GPJ655365:GPO655394 GFN655365:GFS655394 FVR655365:FVW655394 FLV655365:FMA655394 FBZ655365:FCE655394 ESD655365:ESI655394 EIH655365:EIM655394 DYL655365:DYQ655394 DOP655365:DOU655394 DET655365:DEY655394 CUX655365:CVC655394 CLB655365:CLG655394 CBF655365:CBK655394 BRJ655365:BRO655394 BHN655365:BHS655394 AXR655365:AXW655394 ANV655365:AOA655394 ADZ655365:AEE655394 UD655365:UI655394 KH655365:KM655394 AH655365:AO655394 WWT589829:WWY589858 WMX589829:WNC589858 WDB589829:WDG589858 VTF589829:VTK589858 VJJ589829:VJO589858 UZN589829:UZS589858 UPR589829:UPW589858 UFV589829:UGA589858 TVZ589829:TWE589858 TMD589829:TMI589858 TCH589829:TCM589858 SSL589829:SSQ589858 SIP589829:SIU589858 RYT589829:RYY589858 ROX589829:RPC589858 RFB589829:RFG589858 QVF589829:QVK589858 QLJ589829:QLO589858 QBN589829:QBS589858 PRR589829:PRW589858 PHV589829:PIA589858 OXZ589829:OYE589858 OOD589829:OOI589858 OEH589829:OEM589858 NUL589829:NUQ589858 NKP589829:NKU589858 NAT589829:NAY589858 MQX589829:MRC589858 MHB589829:MHG589858 LXF589829:LXK589858 LNJ589829:LNO589858 LDN589829:LDS589858 KTR589829:KTW589858 KJV589829:KKA589858 JZZ589829:KAE589858 JQD589829:JQI589858 JGH589829:JGM589858 IWL589829:IWQ589858 IMP589829:IMU589858 ICT589829:ICY589858 HSX589829:HTC589858 HJB589829:HJG589858 GZF589829:GZK589858 GPJ589829:GPO589858 GFN589829:GFS589858 FVR589829:FVW589858 FLV589829:FMA589858 FBZ589829:FCE589858 ESD589829:ESI589858 EIH589829:EIM589858 DYL589829:DYQ589858 DOP589829:DOU589858 DET589829:DEY589858 CUX589829:CVC589858 CLB589829:CLG589858 CBF589829:CBK589858 BRJ589829:BRO589858 BHN589829:BHS589858 AXR589829:AXW589858 ANV589829:AOA589858 ADZ589829:AEE589858 UD589829:UI589858 KH589829:KM589858 AH589829:AO589858 WWT524293:WWY524322 WMX524293:WNC524322 WDB524293:WDG524322 VTF524293:VTK524322 VJJ524293:VJO524322 UZN524293:UZS524322 UPR524293:UPW524322 UFV524293:UGA524322 TVZ524293:TWE524322 TMD524293:TMI524322 TCH524293:TCM524322 SSL524293:SSQ524322 SIP524293:SIU524322 RYT524293:RYY524322 ROX524293:RPC524322 RFB524293:RFG524322 QVF524293:QVK524322 QLJ524293:QLO524322 QBN524293:QBS524322 PRR524293:PRW524322 PHV524293:PIA524322 OXZ524293:OYE524322 OOD524293:OOI524322 OEH524293:OEM524322 NUL524293:NUQ524322 NKP524293:NKU524322 NAT524293:NAY524322 MQX524293:MRC524322 MHB524293:MHG524322 LXF524293:LXK524322 LNJ524293:LNO524322 LDN524293:LDS524322 KTR524293:KTW524322 KJV524293:KKA524322 JZZ524293:KAE524322 JQD524293:JQI524322 JGH524293:JGM524322 IWL524293:IWQ524322 IMP524293:IMU524322 ICT524293:ICY524322 HSX524293:HTC524322 HJB524293:HJG524322 GZF524293:GZK524322 GPJ524293:GPO524322 GFN524293:GFS524322 FVR524293:FVW524322 FLV524293:FMA524322 FBZ524293:FCE524322 ESD524293:ESI524322 EIH524293:EIM524322 DYL524293:DYQ524322 DOP524293:DOU524322 DET524293:DEY524322 CUX524293:CVC524322 CLB524293:CLG524322 CBF524293:CBK524322 BRJ524293:BRO524322 BHN524293:BHS524322 AXR524293:AXW524322 ANV524293:AOA524322 ADZ524293:AEE524322 UD524293:UI524322 KH524293:KM524322 AH524293:AO524322 WWT458757:WWY458786 WMX458757:WNC458786 WDB458757:WDG458786 VTF458757:VTK458786 VJJ458757:VJO458786 UZN458757:UZS458786 UPR458757:UPW458786 UFV458757:UGA458786 TVZ458757:TWE458786 TMD458757:TMI458786 TCH458757:TCM458786 SSL458757:SSQ458786 SIP458757:SIU458786 RYT458757:RYY458786 ROX458757:RPC458786 RFB458757:RFG458786 QVF458757:QVK458786 QLJ458757:QLO458786 QBN458757:QBS458786 PRR458757:PRW458786 PHV458757:PIA458786 OXZ458757:OYE458786 OOD458757:OOI458786 OEH458757:OEM458786 NUL458757:NUQ458786 NKP458757:NKU458786 NAT458757:NAY458786 MQX458757:MRC458786 MHB458757:MHG458786 LXF458757:LXK458786 LNJ458757:LNO458786 LDN458757:LDS458786 KTR458757:KTW458786 KJV458757:KKA458786 JZZ458757:KAE458786 JQD458757:JQI458786 JGH458757:JGM458786 IWL458757:IWQ458786 IMP458757:IMU458786 ICT458757:ICY458786 HSX458757:HTC458786 HJB458757:HJG458786 GZF458757:GZK458786 GPJ458757:GPO458786 GFN458757:GFS458786 FVR458757:FVW458786 FLV458757:FMA458786 FBZ458757:FCE458786 ESD458757:ESI458786 EIH458757:EIM458786 DYL458757:DYQ458786 DOP458757:DOU458786 DET458757:DEY458786 CUX458757:CVC458786 CLB458757:CLG458786 CBF458757:CBK458786 BRJ458757:BRO458786 BHN458757:BHS458786 AXR458757:AXW458786 ANV458757:AOA458786 ADZ458757:AEE458786 UD458757:UI458786 KH458757:KM458786 AH458757:AO458786 WWT393221:WWY393250 WMX393221:WNC393250 WDB393221:WDG393250 VTF393221:VTK393250 VJJ393221:VJO393250 UZN393221:UZS393250 UPR393221:UPW393250 UFV393221:UGA393250 TVZ393221:TWE393250 TMD393221:TMI393250 TCH393221:TCM393250 SSL393221:SSQ393250 SIP393221:SIU393250 RYT393221:RYY393250 ROX393221:RPC393250 RFB393221:RFG393250 QVF393221:QVK393250 QLJ393221:QLO393250 QBN393221:QBS393250 PRR393221:PRW393250 PHV393221:PIA393250 OXZ393221:OYE393250 OOD393221:OOI393250 OEH393221:OEM393250 NUL393221:NUQ393250 NKP393221:NKU393250 NAT393221:NAY393250 MQX393221:MRC393250 MHB393221:MHG393250 LXF393221:LXK393250 LNJ393221:LNO393250 LDN393221:LDS393250 KTR393221:KTW393250 KJV393221:KKA393250 JZZ393221:KAE393250 JQD393221:JQI393250 JGH393221:JGM393250 IWL393221:IWQ393250 IMP393221:IMU393250 ICT393221:ICY393250 HSX393221:HTC393250 HJB393221:HJG393250 GZF393221:GZK393250 GPJ393221:GPO393250 GFN393221:GFS393250 FVR393221:FVW393250 FLV393221:FMA393250 FBZ393221:FCE393250 ESD393221:ESI393250 EIH393221:EIM393250 DYL393221:DYQ393250 DOP393221:DOU393250 DET393221:DEY393250 CUX393221:CVC393250 CLB393221:CLG393250 CBF393221:CBK393250 BRJ393221:BRO393250 BHN393221:BHS393250 AXR393221:AXW393250 ANV393221:AOA393250 ADZ393221:AEE393250 UD393221:UI393250 KH393221:KM393250 AH393221:AO393250 WWT327685:WWY327714 WMX327685:WNC327714 WDB327685:WDG327714 VTF327685:VTK327714 VJJ327685:VJO327714 UZN327685:UZS327714 UPR327685:UPW327714 UFV327685:UGA327714 TVZ327685:TWE327714 TMD327685:TMI327714 TCH327685:TCM327714 SSL327685:SSQ327714 SIP327685:SIU327714 RYT327685:RYY327714 ROX327685:RPC327714 RFB327685:RFG327714 QVF327685:QVK327714 QLJ327685:QLO327714 QBN327685:QBS327714 PRR327685:PRW327714 PHV327685:PIA327714 OXZ327685:OYE327714 OOD327685:OOI327714 OEH327685:OEM327714 NUL327685:NUQ327714 NKP327685:NKU327714 NAT327685:NAY327714 MQX327685:MRC327714 MHB327685:MHG327714 LXF327685:LXK327714 LNJ327685:LNO327714 LDN327685:LDS327714 KTR327685:KTW327714 KJV327685:KKA327714 JZZ327685:KAE327714 JQD327685:JQI327714 JGH327685:JGM327714 IWL327685:IWQ327714 IMP327685:IMU327714 ICT327685:ICY327714 HSX327685:HTC327714 HJB327685:HJG327714 GZF327685:GZK327714 GPJ327685:GPO327714 GFN327685:GFS327714 FVR327685:FVW327714 FLV327685:FMA327714 FBZ327685:FCE327714 ESD327685:ESI327714 EIH327685:EIM327714 DYL327685:DYQ327714 DOP327685:DOU327714 DET327685:DEY327714 CUX327685:CVC327714 CLB327685:CLG327714 CBF327685:CBK327714 BRJ327685:BRO327714 BHN327685:BHS327714 AXR327685:AXW327714 ANV327685:AOA327714 ADZ327685:AEE327714 UD327685:UI327714 KH327685:KM327714 AH327685:AO327714 WWT262149:WWY262178 WMX262149:WNC262178 WDB262149:WDG262178 VTF262149:VTK262178 VJJ262149:VJO262178 UZN262149:UZS262178 UPR262149:UPW262178 UFV262149:UGA262178 TVZ262149:TWE262178 TMD262149:TMI262178 TCH262149:TCM262178 SSL262149:SSQ262178 SIP262149:SIU262178 RYT262149:RYY262178 ROX262149:RPC262178 RFB262149:RFG262178 QVF262149:QVK262178 QLJ262149:QLO262178 QBN262149:QBS262178 PRR262149:PRW262178 PHV262149:PIA262178 OXZ262149:OYE262178 OOD262149:OOI262178 OEH262149:OEM262178 NUL262149:NUQ262178 NKP262149:NKU262178 NAT262149:NAY262178 MQX262149:MRC262178 MHB262149:MHG262178 LXF262149:LXK262178 LNJ262149:LNO262178 LDN262149:LDS262178 KTR262149:KTW262178 KJV262149:KKA262178 JZZ262149:KAE262178 JQD262149:JQI262178 JGH262149:JGM262178 IWL262149:IWQ262178 IMP262149:IMU262178 ICT262149:ICY262178 HSX262149:HTC262178 HJB262149:HJG262178 GZF262149:GZK262178 GPJ262149:GPO262178 GFN262149:GFS262178 FVR262149:FVW262178 FLV262149:FMA262178 FBZ262149:FCE262178 ESD262149:ESI262178 EIH262149:EIM262178 DYL262149:DYQ262178 DOP262149:DOU262178 DET262149:DEY262178 CUX262149:CVC262178 CLB262149:CLG262178 CBF262149:CBK262178 BRJ262149:BRO262178 BHN262149:BHS262178 AXR262149:AXW262178 ANV262149:AOA262178 ADZ262149:AEE262178 UD262149:UI262178 KH262149:KM262178 AH262149:AO262178 WWT196613:WWY196642 WMX196613:WNC196642 WDB196613:WDG196642 VTF196613:VTK196642 VJJ196613:VJO196642 UZN196613:UZS196642 UPR196613:UPW196642 UFV196613:UGA196642 TVZ196613:TWE196642 TMD196613:TMI196642 TCH196613:TCM196642 SSL196613:SSQ196642 SIP196613:SIU196642 RYT196613:RYY196642 ROX196613:RPC196642 RFB196613:RFG196642 QVF196613:QVK196642 QLJ196613:QLO196642 QBN196613:QBS196642 PRR196613:PRW196642 PHV196613:PIA196642 OXZ196613:OYE196642 OOD196613:OOI196642 OEH196613:OEM196642 NUL196613:NUQ196642 NKP196613:NKU196642 NAT196613:NAY196642 MQX196613:MRC196642 MHB196613:MHG196642 LXF196613:LXK196642 LNJ196613:LNO196642 LDN196613:LDS196642 KTR196613:KTW196642 KJV196613:KKA196642 JZZ196613:KAE196642 JQD196613:JQI196642 JGH196613:JGM196642 IWL196613:IWQ196642 IMP196613:IMU196642 ICT196613:ICY196642 HSX196613:HTC196642 HJB196613:HJG196642 GZF196613:GZK196642 GPJ196613:GPO196642 GFN196613:GFS196642 FVR196613:FVW196642 FLV196613:FMA196642 FBZ196613:FCE196642 ESD196613:ESI196642 EIH196613:EIM196642 DYL196613:DYQ196642 DOP196613:DOU196642 DET196613:DEY196642 CUX196613:CVC196642 CLB196613:CLG196642 CBF196613:CBK196642 BRJ196613:BRO196642 BHN196613:BHS196642 AXR196613:AXW196642 ANV196613:AOA196642 ADZ196613:AEE196642 UD196613:UI196642 KH196613:KM196642 AH196613:AO196642 WWT131077:WWY131106 WMX131077:WNC131106 WDB131077:WDG131106 VTF131077:VTK131106 VJJ131077:VJO131106 UZN131077:UZS131106 UPR131077:UPW131106 UFV131077:UGA131106 TVZ131077:TWE131106 TMD131077:TMI131106 TCH131077:TCM131106 SSL131077:SSQ131106 SIP131077:SIU131106 RYT131077:RYY131106 ROX131077:RPC131106 RFB131077:RFG131106 QVF131077:QVK131106 QLJ131077:QLO131106 QBN131077:QBS131106 PRR131077:PRW131106 PHV131077:PIA131106 OXZ131077:OYE131106 OOD131077:OOI131106 OEH131077:OEM131106 NUL131077:NUQ131106 NKP131077:NKU131106 NAT131077:NAY131106 MQX131077:MRC131106 MHB131077:MHG131106 LXF131077:LXK131106 LNJ131077:LNO131106 LDN131077:LDS131106 KTR131077:KTW131106 KJV131077:KKA131106 JZZ131077:KAE131106 JQD131077:JQI131106 JGH131077:JGM131106 IWL131077:IWQ131106 IMP131077:IMU131106 ICT131077:ICY131106 HSX131077:HTC131106 HJB131077:HJG131106 GZF131077:GZK131106 GPJ131077:GPO131106 GFN131077:GFS131106 FVR131077:FVW131106 FLV131077:FMA131106 FBZ131077:FCE131106 ESD131077:ESI131106 EIH131077:EIM131106 DYL131077:DYQ131106 DOP131077:DOU131106 DET131077:DEY131106 CUX131077:CVC131106 CLB131077:CLG131106 CBF131077:CBK131106 BRJ131077:BRO131106 BHN131077:BHS131106 AXR131077:AXW131106 ANV131077:AOA131106 ADZ131077:AEE131106 UD131077:UI131106 KH131077:KM131106 AH131077:AO131106 WWT65541:WWY65570 WMX65541:WNC65570 WDB65541:WDG65570 VTF65541:VTK65570 VJJ65541:VJO65570 UZN65541:UZS65570 UPR65541:UPW65570 UFV65541:UGA65570 TVZ65541:TWE65570 TMD65541:TMI65570 TCH65541:TCM65570 SSL65541:SSQ65570 SIP65541:SIU65570 RYT65541:RYY65570 ROX65541:RPC65570 RFB65541:RFG65570 QVF65541:QVK65570 QLJ65541:QLO65570 QBN65541:QBS65570 PRR65541:PRW65570 PHV65541:PIA65570 OXZ65541:OYE65570 OOD65541:OOI65570 OEH65541:OEM65570 NUL65541:NUQ65570 NKP65541:NKU65570 NAT65541:NAY65570 MQX65541:MRC65570 MHB65541:MHG65570 LXF65541:LXK65570 LNJ65541:LNO65570 LDN65541:LDS65570 KTR65541:KTW65570 KJV65541:KKA65570 JZZ65541:KAE65570 JQD65541:JQI65570 JGH65541:JGM65570 IWL65541:IWQ65570 IMP65541:IMU65570 ICT65541:ICY65570 HSX65541:HTC65570 HJB65541:HJG65570 GZF65541:GZK65570 GPJ65541:GPO65570 GFN65541:GFS65570 FVR65541:FVW65570 FLV65541:FMA65570 FBZ65541:FCE65570 ESD65541:ESI65570 EIH65541:EIM65570 DYL65541:DYQ65570 DOP65541:DOU65570 DET65541:DEY65570 CUX65541:CVC65570 CLB65541:CLG65570 CBF65541:CBK65570 BRJ65541:BRO65570 BHN65541:BHS65570 AXR65541:AXW65570 ANV65541:AOA65570 ADZ65541:AEE65570 UD65541:UI65570 KH65541:KM65570 AH65541:AO65570 WWT9:WWY38 WMX9:WNC38 WDB9:WDG38 VTF9:VTK38 VJJ9:VJO38 UZN9:UZS38 UPR9:UPW38 UFV9:UGA38 TVZ9:TWE38 TMD9:TMI38 TCH9:TCM38 SSL9:SSQ38 SIP9:SIU38 RYT9:RYY38 ROX9:RPC38 RFB9:RFG38 QVF9:QVK38 QLJ9:QLO38 QBN9:QBS38 PRR9:PRW38 PHV9:PIA38 OXZ9:OYE38 OOD9:OOI38 OEH9:OEM38 NUL9:NUQ38 NKP9:NKU38 NAT9:NAY38 MQX9:MRC38 MHB9:MHG38 LXF9:LXK38 LNJ9:LNO38 LDN9:LDS38 KTR9:KTW38 KJV9:KKA38 JZZ9:KAE38 JQD9:JQI38 JGH9:JGM38 IWL9:IWQ38 IMP9:IMU38 ICT9:ICY38 HSX9:HTC38 HJB9:HJG38 GZF9:GZK38 GPJ9:GPO38 GFN9:GFS38 FVR9:FVW38 FLV9:FMA38 FBZ9:FCE38 ESD9:ESI38 EIH9:EIM38 DYL9:DYQ38 DOP9:DOU38 DET9:DEY38 CUX9:CVC38 CLB9:CLG38 CBF9:CBK38 BRJ9:BRO38 BHN9:BHS38 AXR9:AXW38 ANV9:AOA38 ADZ9:AEE38 UD9:UI38 KH9:KM38 WWP983046 WMT983046 WCX983046 VTB983046 VJF983046 UZJ983046 UPN983046 UFR983046 TVV983046 TLZ983046 TCD983046 SSH983046 SIL983046 RYP983046 ROT983046 REX983046 QVB983046 QLF983046 QBJ983046 PRN983046 PHR983046 OXV983046 ONZ983046 OED983046 NUH983046 NKL983046 NAP983046 MQT983046 MGX983046 LXB983046 LNF983046 LDJ983046 KTN983046 KJR983046 JZV983046 JPZ983046 JGD983046 IWH983046 IML983046 ICP983046 HST983046 HIX983046 GZB983046 GPF983046 GFJ983046 FVN983046 FLR983046 FBV983046 ERZ983046 EID983046 DYH983046 DOL983046 DEP983046 CUT983046 CKX983046 CBB983046 BRF983046 BHJ983046 AXN983046 ANR983046 ADV983046 TZ983046 KD983046 AA983046:AB983046 WWP917510 WMT917510 WCX917510 VTB917510 VJF917510 UZJ917510 UPN917510 UFR917510 TVV917510 TLZ917510 TCD917510 SSH917510 SIL917510 RYP917510 ROT917510 REX917510 QVB917510 QLF917510 QBJ917510 PRN917510 PHR917510 OXV917510 ONZ917510 OED917510 NUH917510 NKL917510 NAP917510 MQT917510 MGX917510 LXB917510 LNF917510 LDJ917510 KTN917510 KJR917510 JZV917510 JPZ917510 JGD917510 IWH917510 IML917510 ICP917510 HST917510 HIX917510 GZB917510 GPF917510 GFJ917510 FVN917510 FLR917510 FBV917510 ERZ917510 EID917510 DYH917510 DOL917510 DEP917510 CUT917510 CKX917510 CBB917510 BRF917510 BHJ917510 AXN917510 ANR917510 ADV917510 TZ917510 KD917510 AA917510:AB917510 WWP851974 WMT851974 WCX851974 VTB851974 VJF851974 UZJ851974 UPN851974 UFR851974 TVV851974 TLZ851974 TCD851974 SSH851974 SIL851974 RYP851974 ROT851974 REX851974 QVB851974 QLF851974 QBJ851974 PRN851974 PHR851974 OXV851974 ONZ851974 OED851974 NUH851974 NKL851974 NAP851974 MQT851974 MGX851974 LXB851974 LNF851974 LDJ851974 KTN851974 KJR851974 JZV851974 JPZ851974 JGD851974 IWH851974 IML851974 ICP851974 HST851974 HIX851974 GZB851974 GPF851974 GFJ851974 FVN851974 FLR851974 FBV851974 ERZ851974 EID851974 DYH851974 DOL851974 DEP851974 CUT851974 CKX851974 CBB851974 BRF851974 BHJ851974 AXN851974 ANR851974 ADV851974 TZ851974 KD851974 AA851974:AB851974 WWP786438 WMT786438 WCX786438 VTB786438 VJF786438 UZJ786438 UPN786438 UFR786438 TVV786438 TLZ786438 TCD786438 SSH786438 SIL786438 RYP786438 ROT786438 REX786438 QVB786438 QLF786438 QBJ786438 PRN786438 PHR786438 OXV786438 ONZ786438 OED786438 NUH786438 NKL786438 NAP786438 MQT786438 MGX786438 LXB786438 LNF786438 LDJ786438 KTN786438 KJR786438 JZV786438 JPZ786438 JGD786438 IWH786438 IML786438 ICP786438 HST786438 HIX786438 GZB786438 GPF786438 GFJ786438 FVN786438 FLR786438 FBV786438 ERZ786438 EID786438 DYH786438 DOL786438 DEP786438 CUT786438 CKX786438 CBB786438 BRF786438 BHJ786438 AXN786438 ANR786438 ADV786438 TZ786438 KD786438 AA786438:AB786438 WWP720902 WMT720902 WCX720902 VTB720902 VJF720902 UZJ720902 UPN720902 UFR720902 TVV720902 TLZ720902 TCD720902 SSH720902 SIL720902 RYP720902 ROT720902 REX720902 QVB720902 QLF720902 QBJ720902 PRN720902 PHR720902 OXV720902 ONZ720902 OED720902 NUH720902 NKL720902 NAP720902 MQT720902 MGX720902 LXB720902 LNF720902 LDJ720902 KTN720902 KJR720902 JZV720902 JPZ720902 JGD720902 IWH720902 IML720902 ICP720902 HST720902 HIX720902 GZB720902 GPF720902 GFJ720902 FVN720902 FLR720902 FBV720902 ERZ720902 EID720902 DYH720902 DOL720902 DEP720902 CUT720902 CKX720902 CBB720902 BRF720902 BHJ720902 AXN720902 ANR720902 ADV720902 TZ720902 KD720902 AA720902:AB720902 WWP655366 WMT655366 WCX655366 VTB655366 VJF655366 UZJ655366 UPN655366 UFR655366 TVV655366 TLZ655366 TCD655366 SSH655366 SIL655366 RYP655366 ROT655366 REX655366 QVB655366 QLF655366 QBJ655366 PRN655366 PHR655366 OXV655366 ONZ655366 OED655366 NUH655366 NKL655366 NAP655366 MQT655366 MGX655366 LXB655366 LNF655366 LDJ655366 KTN655366 KJR655366 JZV655366 JPZ655366 JGD655366 IWH655366 IML655366 ICP655366 HST655366 HIX655366 GZB655366 GPF655366 GFJ655366 FVN655366 FLR655366 FBV655366 ERZ655366 EID655366 DYH655366 DOL655366 DEP655366 CUT655366 CKX655366 CBB655366 BRF655366 BHJ655366 AXN655366 ANR655366 ADV655366 TZ655366 KD655366 AA655366:AB655366 WWP589830 WMT589830 WCX589830 VTB589830 VJF589830 UZJ589830 UPN589830 UFR589830 TVV589830 TLZ589830 TCD589830 SSH589830 SIL589830 RYP589830 ROT589830 REX589830 QVB589830 QLF589830 QBJ589830 PRN589830 PHR589830 OXV589830 ONZ589830 OED589830 NUH589830 NKL589830 NAP589830 MQT589830 MGX589830 LXB589830 LNF589830 LDJ589830 KTN589830 KJR589830 JZV589830 JPZ589830 JGD589830 IWH589830 IML589830 ICP589830 HST589830 HIX589830 GZB589830 GPF589830 GFJ589830 FVN589830 FLR589830 FBV589830 ERZ589830 EID589830 DYH589830 DOL589830 DEP589830 CUT589830 CKX589830 CBB589830 BRF589830 BHJ589830 AXN589830 ANR589830 ADV589830 TZ589830 KD589830 AA589830:AB589830 WWP524294 WMT524294 WCX524294 VTB524294 VJF524294 UZJ524294 UPN524294 UFR524294 TVV524294 TLZ524294 TCD524294 SSH524294 SIL524294 RYP524294 ROT524294 REX524294 QVB524294 QLF524294 QBJ524294 PRN524294 PHR524294 OXV524294 ONZ524294 OED524294 NUH524294 NKL524294 NAP524294 MQT524294 MGX524294 LXB524294 LNF524294 LDJ524294 KTN524294 KJR524294 JZV524294 JPZ524294 JGD524294 IWH524294 IML524294 ICP524294 HST524294 HIX524294 GZB524294 GPF524294 GFJ524294 FVN524294 FLR524294 FBV524294 ERZ524294 EID524294 DYH524294 DOL524294 DEP524294 CUT524294 CKX524294 CBB524294 BRF524294 BHJ524294 AXN524294 ANR524294 ADV524294 TZ524294 KD524294 AA524294:AB524294 WWP458758 WMT458758 WCX458758 VTB458758 VJF458758 UZJ458758 UPN458758 UFR458758 TVV458758 TLZ458758 TCD458758 SSH458758 SIL458758 RYP458758 ROT458758 REX458758 QVB458758 QLF458758 QBJ458758 PRN458758 PHR458758 OXV458758 ONZ458758 OED458758 NUH458758 NKL458758 NAP458758 MQT458758 MGX458758 LXB458758 LNF458758 LDJ458758 KTN458758 KJR458758 JZV458758 JPZ458758 JGD458758 IWH458758 IML458758 ICP458758 HST458758 HIX458758 GZB458758 GPF458758 GFJ458758 FVN458758 FLR458758 FBV458758 ERZ458758 EID458758 DYH458758 DOL458758 DEP458758 CUT458758 CKX458758 CBB458758 BRF458758 BHJ458758 AXN458758 ANR458758 ADV458758 TZ458758 KD458758 AA458758:AB458758 WWP393222 WMT393222 WCX393222 VTB393222 VJF393222 UZJ393222 UPN393222 UFR393222 TVV393222 TLZ393222 TCD393222 SSH393222 SIL393222 RYP393222 ROT393222 REX393222 QVB393222 QLF393222 QBJ393222 PRN393222 PHR393222 OXV393222 ONZ393222 OED393222 NUH393222 NKL393222 NAP393222 MQT393222 MGX393222 LXB393222 LNF393222 LDJ393222 KTN393222 KJR393222 JZV393222 JPZ393222 JGD393222 IWH393222 IML393222 ICP393222 HST393222 HIX393222 GZB393222 GPF393222 GFJ393222 FVN393222 FLR393222 FBV393222 ERZ393222 EID393222 DYH393222 DOL393222 DEP393222 CUT393222 CKX393222 CBB393222 BRF393222 BHJ393222 AXN393222 ANR393222 ADV393222 TZ393222 KD393222 AA393222:AB393222 WWP327686 WMT327686 WCX327686 VTB327686 VJF327686 UZJ327686 UPN327686 UFR327686 TVV327686 TLZ327686 TCD327686 SSH327686 SIL327686 RYP327686 ROT327686 REX327686 QVB327686 QLF327686 QBJ327686 PRN327686 PHR327686 OXV327686 ONZ327686 OED327686 NUH327686 NKL327686 NAP327686 MQT327686 MGX327686 LXB327686 LNF327686 LDJ327686 KTN327686 KJR327686 JZV327686 JPZ327686 JGD327686 IWH327686 IML327686 ICP327686 HST327686 HIX327686 GZB327686 GPF327686 GFJ327686 FVN327686 FLR327686 FBV327686 ERZ327686 EID327686 DYH327686 DOL327686 DEP327686 CUT327686 CKX327686 CBB327686 BRF327686 BHJ327686 AXN327686 ANR327686 ADV327686 TZ327686 KD327686 AA327686:AB327686 WWP262150 WMT262150 WCX262150 VTB262150 VJF262150 UZJ262150 UPN262150 UFR262150 TVV262150 TLZ262150 TCD262150 SSH262150 SIL262150 RYP262150 ROT262150 REX262150 QVB262150 QLF262150 QBJ262150 PRN262150 PHR262150 OXV262150 ONZ262150 OED262150 NUH262150 NKL262150 NAP262150 MQT262150 MGX262150 LXB262150 LNF262150 LDJ262150 KTN262150 KJR262150 JZV262150 JPZ262150 JGD262150 IWH262150 IML262150 ICP262150 HST262150 HIX262150 GZB262150 GPF262150 GFJ262150 FVN262150 FLR262150 FBV262150 ERZ262150 EID262150 DYH262150 DOL262150 DEP262150 CUT262150 CKX262150 CBB262150 BRF262150 BHJ262150 AXN262150 ANR262150 ADV262150 TZ262150 KD262150 AA262150:AB262150 WWP196614 WMT196614 WCX196614 VTB196614 VJF196614 UZJ196614 UPN196614 UFR196614 TVV196614 TLZ196614 TCD196614 SSH196614 SIL196614 RYP196614 ROT196614 REX196614 QVB196614 QLF196614 QBJ196614 PRN196614 PHR196614 OXV196614 ONZ196614 OED196614 NUH196614 NKL196614 NAP196614 MQT196614 MGX196614 LXB196614 LNF196614 LDJ196614 KTN196614 KJR196614 JZV196614 JPZ196614 JGD196614 IWH196614 IML196614 ICP196614 HST196614 HIX196614 GZB196614 GPF196614 GFJ196614 FVN196614 FLR196614 FBV196614 ERZ196614 EID196614 DYH196614 DOL196614 DEP196614 CUT196614 CKX196614 CBB196614 BRF196614 BHJ196614 AXN196614 ANR196614 ADV196614 TZ196614 KD196614 AA196614:AB196614 WWP131078 WMT131078 WCX131078 VTB131078 VJF131078 UZJ131078 UPN131078 UFR131078 TVV131078 TLZ131078 TCD131078 SSH131078 SIL131078 RYP131078 ROT131078 REX131078 QVB131078 QLF131078 QBJ131078 PRN131078 PHR131078 OXV131078 ONZ131078 OED131078 NUH131078 NKL131078 NAP131078 MQT131078 MGX131078 LXB131078 LNF131078 LDJ131078 KTN131078 KJR131078 JZV131078 JPZ131078 JGD131078 IWH131078 IML131078 ICP131078 HST131078 HIX131078 GZB131078 GPF131078 GFJ131078 FVN131078 FLR131078 FBV131078 ERZ131078 EID131078 DYH131078 DOL131078 DEP131078 CUT131078 CKX131078 CBB131078 BRF131078 BHJ131078 AXN131078 ANR131078 ADV131078 TZ131078 KD131078 AA131078:AB131078 WWP65542 WMT65542 WCX65542 VTB65542 VJF65542 UZJ65542 UPN65542 UFR65542 TVV65542 TLZ65542 TCD65542 SSH65542 SIL65542 RYP65542 ROT65542 REX65542 QVB65542 QLF65542 QBJ65542 PRN65542 PHR65542 OXV65542 ONZ65542 OED65542 NUH65542 NKL65542 NAP65542 MQT65542 MGX65542 LXB65542 LNF65542 LDJ65542 KTN65542 KJR65542 JZV65542 JPZ65542 JGD65542 IWH65542 IML65542 ICP65542 HST65542 HIX65542 GZB65542 GPF65542 GFJ65542 FVN65542 FLR65542 FBV65542 ERZ65542 EID65542 DYH65542 DOL65542 DEP65542 CUT65542 CKX65542 CBB65542 BRF65542 BHJ65542 AXN65542 ANR65542 ADV65542 TZ65542 KD65542 AA65542:AB65542 WWP10 WMT10 WCX10 VTB10 VJF10 UZJ10 UPN10 UFR10 TVV10 TLZ10 TCD10 SSH10 SIL10 RYP10 ROT10 REX10 QVB10 QLF10 QBJ10 PRN10 PHR10 OXV10 ONZ10 OED10 NUH10 NKL10 NAP10 MQT10 MGX10 LXB10 LNF10 LDJ10 KTN10 KJR10 JZV10 JPZ10 JGD10 IWH10 IML10 ICP10 HST10 HIX10 GZB10 GPF10 GFJ10 FVN10 FLR10 FBV10 ERZ10 EID10 DYH10 DOL10 DEP10 CUT10 CKX10 CBB10 BRF10 BHJ10 AXN10 ANR10 ADV10 TZ10 KD10 WWE983079:WWF983079 WMI983079:WMJ983079 WCM983079:WCN983079 VSQ983079:VSR983079 VIU983079:VIV983079 UYY983079:UYZ983079 UPC983079:UPD983079 UFG983079:UFH983079 TVK983079:TVL983079 TLO983079:TLP983079 TBS983079:TBT983079 SRW983079:SRX983079 SIA983079:SIB983079 RYE983079:RYF983079 ROI983079:ROJ983079 REM983079:REN983079 QUQ983079:QUR983079 QKU983079:QKV983079 QAY983079:QAZ983079 PRC983079:PRD983079 PHG983079:PHH983079 OXK983079:OXL983079 ONO983079:ONP983079 ODS983079:ODT983079 NTW983079:NTX983079 NKA983079:NKB983079 NAE983079:NAF983079 MQI983079:MQJ983079 MGM983079:MGN983079 LWQ983079:LWR983079 LMU983079:LMV983079 LCY983079:LCZ983079 KTC983079:KTD983079 KJG983079:KJH983079 JZK983079:JZL983079 JPO983079:JPP983079 JFS983079:JFT983079 IVW983079:IVX983079 IMA983079:IMB983079 ICE983079:ICF983079 HSI983079:HSJ983079 HIM983079:HIN983079 GYQ983079:GYR983079 GOU983079:GOV983079 GEY983079:GEZ983079 FVC983079:FVD983079 FLG983079:FLH983079 FBK983079:FBL983079 ERO983079:ERP983079 EHS983079:EHT983079 DXW983079:DXX983079 DOA983079:DOB983079 DEE983079:DEF983079 CUI983079:CUJ983079 CKM983079:CKN983079 CAQ983079:CAR983079 BQU983079:BQV983079 BGY983079:BGZ983079 AXC983079:AXD983079 ANG983079:ANH983079 ADK983079:ADL983079 TO983079:TP983079 JS983079:JT983079 N983079:O983079 WWE917543:WWF917543 WMI917543:WMJ917543 WCM917543:WCN917543 VSQ917543:VSR917543 VIU917543:VIV917543 UYY917543:UYZ917543 UPC917543:UPD917543 UFG917543:UFH917543 TVK917543:TVL917543 TLO917543:TLP917543 TBS917543:TBT917543 SRW917543:SRX917543 SIA917543:SIB917543 RYE917543:RYF917543 ROI917543:ROJ917543 REM917543:REN917543 QUQ917543:QUR917543 QKU917543:QKV917543 QAY917543:QAZ917543 PRC917543:PRD917543 PHG917543:PHH917543 OXK917543:OXL917543 ONO917543:ONP917543 ODS917543:ODT917543 NTW917543:NTX917543 NKA917543:NKB917543 NAE917543:NAF917543 MQI917543:MQJ917543 MGM917543:MGN917543 LWQ917543:LWR917543 LMU917543:LMV917543 LCY917543:LCZ917543 KTC917543:KTD917543 KJG917543:KJH917543 JZK917543:JZL917543 JPO917543:JPP917543 JFS917543:JFT917543 IVW917543:IVX917543 IMA917543:IMB917543 ICE917543:ICF917543 HSI917543:HSJ917543 HIM917543:HIN917543 GYQ917543:GYR917543 GOU917543:GOV917543 GEY917543:GEZ917543 FVC917543:FVD917543 FLG917543:FLH917543 FBK917543:FBL917543 ERO917543:ERP917543 EHS917543:EHT917543 DXW917543:DXX917543 DOA917543:DOB917543 DEE917543:DEF917543 CUI917543:CUJ917543 CKM917543:CKN917543 CAQ917543:CAR917543 BQU917543:BQV917543 BGY917543:BGZ917543 AXC917543:AXD917543 ANG917543:ANH917543 ADK917543:ADL917543 TO917543:TP917543 JS917543:JT917543 N917543:O917543 WWE852007:WWF852007 WMI852007:WMJ852007 WCM852007:WCN852007 VSQ852007:VSR852007 VIU852007:VIV852007 UYY852007:UYZ852007 UPC852007:UPD852007 UFG852007:UFH852007 TVK852007:TVL852007 TLO852007:TLP852007 TBS852007:TBT852007 SRW852007:SRX852007 SIA852007:SIB852007 RYE852007:RYF852007 ROI852007:ROJ852007 REM852007:REN852007 QUQ852007:QUR852007 QKU852007:QKV852007 QAY852007:QAZ852007 PRC852007:PRD852007 PHG852007:PHH852007 OXK852007:OXL852007 ONO852007:ONP852007 ODS852007:ODT852007 NTW852007:NTX852007 NKA852007:NKB852007 NAE852007:NAF852007 MQI852007:MQJ852007 MGM852007:MGN852007 LWQ852007:LWR852007 LMU852007:LMV852007 LCY852007:LCZ852007 KTC852007:KTD852007 KJG852007:KJH852007 JZK852007:JZL852007 JPO852007:JPP852007 JFS852007:JFT852007 IVW852007:IVX852007 IMA852007:IMB852007 ICE852007:ICF852007 HSI852007:HSJ852007 HIM852007:HIN852007 GYQ852007:GYR852007 GOU852007:GOV852007 GEY852007:GEZ852007 FVC852007:FVD852007 FLG852007:FLH852007 FBK852007:FBL852007 ERO852007:ERP852007 EHS852007:EHT852007 DXW852007:DXX852007 DOA852007:DOB852007 DEE852007:DEF852007 CUI852007:CUJ852007 CKM852007:CKN852007 CAQ852007:CAR852007 BQU852007:BQV852007 BGY852007:BGZ852007 AXC852007:AXD852007 ANG852007:ANH852007 ADK852007:ADL852007 TO852007:TP852007 JS852007:JT852007 N852007:O852007 WWE786471:WWF786471 WMI786471:WMJ786471 WCM786471:WCN786471 VSQ786471:VSR786471 VIU786471:VIV786471 UYY786471:UYZ786471 UPC786471:UPD786471 UFG786471:UFH786471 TVK786471:TVL786471 TLO786471:TLP786471 TBS786471:TBT786471 SRW786471:SRX786471 SIA786471:SIB786471 RYE786471:RYF786471 ROI786471:ROJ786471 REM786471:REN786471 QUQ786471:QUR786471 QKU786471:QKV786471 QAY786471:QAZ786471 PRC786471:PRD786471 PHG786471:PHH786471 OXK786471:OXL786471 ONO786471:ONP786471 ODS786471:ODT786471 NTW786471:NTX786471 NKA786471:NKB786471 NAE786471:NAF786471 MQI786471:MQJ786471 MGM786471:MGN786471 LWQ786471:LWR786471 LMU786471:LMV786471 LCY786471:LCZ786471 KTC786471:KTD786471 KJG786471:KJH786471 JZK786471:JZL786471 JPO786471:JPP786471 JFS786471:JFT786471 IVW786471:IVX786471 IMA786471:IMB786471 ICE786471:ICF786471 HSI786471:HSJ786471 HIM786471:HIN786471 GYQ786471:GYR786471 GOU786471:GOV786471 GEY786471:GEZ786471 FVC786471:FVD786471 FLG786471:FLH786471 FBK786471:FBL786471 ERO786471:ERP786471 EHS786471:EHT786471 DXW786471:DXX786471 DOA786471:DOB786471 DEE786471:DEF786471 CUI786471:CUJ786471 CKM786471:CKN786471 CAQ786471:CAR786471 BQU786471:BQV786471 BGY786471:BGZ786471 AXC786471:AXD786471 ANG786471:ANH786471 ADK786471:ADL786471 TO786471:TP786471 JS786471:JT786471 N786471:O786471 WWE720935:WWF720935 WMI720935:WMJ720935 WCM720935:WCN720935 VSQ720935:VSR720935 VIU720935:VIV720935 UYY720935:UYZ720935 UPC720935:UPD720935 UFG720935:UFH720935 TVK720935:TVL720935 TLO720935:TLP720935 TBS720935:TBT720935 SRW720935:SRX720935 SIA720935:SIB720935 RYE720935:RYF720935 ROI720935:ROJ720935 REM720935:REN720935 QUQ720935:QUR720935 QKU720935:QKV720935 QAY720935:QAZ720935 PRC720935:PRD720935 PHG720935:PHH720935 OXK720935:OXL720935 ONO720935:ONP720935 ODS720935:ODT720935 NTW720935:NTX720935 NKA720935:NKB720935 NAE720935:NAF720935 MQI720935:MQJ720935 MGM720935:MGN720935 LWQ720935:LWR720935 LMU720935:LMV720935 LCY720935:LCZ720935 KTC720935:KTD720935 KJG720935:KJH720935 JZK720935:JZL720935 JPO720935:JPP720935 JFS720935:JFT720935 IVW720935:IVX720935 IMA720935:IMB720935 ICE720935:ICF720935 HSI720935:HSJ720935 HIM720935:HIN720935 GYQ720935:GYR720935 GOU720935:GOV720935 GEY720935:GEZ720935 FVC720935:FVD720935 FLG720935:FLH720935 FBK720935:FBL720935 ERO720935:ERP720935 EHS720935:EHT720935 DXW720935:DXX720935 DOA720935:DOB720935 DEE720935:DEF720935 CUI720935:CUJ720935 CKM720935:CKN720935 CAQ720935:CAR720935 BQU720935:BQV720935 BGY720935:BGZ720935 AXC720935:AXD720935 ANG720935:ANH720935 ADK720935:ADL720935 TO720935:TP720935 JS720935:JT720935 N720935:O720935 WWE655399:WWF655399 WMI655399:WMJ655399 WCM655399:WCN655399 VSQ655399:VSR655399 VIU655399:VIV655399 UYY655399:UYZ655399 UPC655399:UPD655399 UFG655399:UFH655399 TVK655399:TVL655399 TLO655399:TLP655399 TBS655399:TBT655399 SRW655399:SRX655399 SIA655399:SIB655399 RYE655399:RYF655399 ROI655399:ROJ655399 REM655399:REN655399 QUQ655399:QUR655399 QKU655399:QKV655399 QAY655399:QAZ655399 PRC655399:PRD655399 PHG655399:PHH655399 OXK655399:OXL655399 ONO655399:ONP655399 ODS655399:ODT655399 NTW655399:NTX655399 NKA655399:NKB655399 NAE655399:NAF655399 MQI655399:MQJ655399 MGM655399:MGN655399 LWQ655399:LWR655399 LMU655399:LMV655399 LCY655399:LCZ655399 KTC655399:KTD655399 KJG655399:KJH655399 JZK655399:JZL655399 JPO655399:JPP655399 JFS655399:JFT655399 IVW655399:IVX655399 IMA655399:IMB655399 ICE655399:ICF655399 HSI655399:HSJ655399 HIM655399:HIN655399 GYQ655399:GYR655399 GOU655399:GOV655399 GEY655399:GEZ655399 FVC655399:FVD655399 FLG655399:FLH655399 FBK655399:FBL655399 ERO655399:ERP655399 EHS655399:EHT655399 DXW655399:DXX655399 DOA655399:DOB655399 DEE655399:DEF655399 CUI655399:CUJ655399 CKM655399:CKN655399 CAQ655399:CAR655399 BQU655399:BQV655399 BGY655399:BGZ655399 AXC655399:AXD655399 ANG655399:ANH655399 ADK655399:ADL655399 TO655399:TP655399 JS655399:JT655399 N655399:O655399 WWE589863:WWF589863 WMI589863:WMJ589863 WCM589863:WCN589863 VSQ589863:VSR589863 VIU589863:VIV589863 UYY589863:UYZ589863 UPC589863:UPD589863 UFG589863:UFH589863 TVK589863:TVL589863 TLO589863:TLP589863 TBS589863:TBT589863 SRW589863:SRX589863 SIA589863:SIB589863 RYE589863:RYF589863 ROI589863:ROJ589863 REM589863:REN589863 QUQ589863:QUR589863 QKU589863:QKV589863 QAY589863:QAZ589863 PRC589863:PRD589863 PHG589863:PHH589863 OXK589863:OXL589863 ONO589863:ONP589863 ODS589863:ODT589863 NTW589863:NTX589863 NKA589863:NKB589863 NAE589863:NAF589863 MQI589863:MQJ589863 MGM589863:MGN589863 LWQ589863:LWR589863 LMU589863:LMV589863 LCY589863:LCZ589863 KTC589863:KTD589863 KJG589863:KJH589863 JZK589863:JZL589863 JPO589863:JPP589863 JFS589863:JFT589863 IVW589863:IVX589863 IMA589863:IMB589863 ICE589863:ICF589863 HSI589863:HSJ589863 HIM589863:HIN589863 GYQ589863:GYR589863 GOU589863:GOV589863 GEY589863:GEZ589863 FVC589863:FVD589863 FLG589863:FLH589863 FBK589863:FBL589863 ERO589863:ERP589863 EHS589863:EHT589863 DXW589863:DXX589863 DOA589863:DOB589863 DEE589863:DEF589863 CUI589863:CUJ589863 CKM589863:CKN589863 CAQ589863:CAR589863 BQU589863:BQV589863 BGY589863:BGZ589863 AXC589863:AXD589863 ANG589863:ANH589863 ADK589863:ADL589863 TO589863:TP589863 JS589863:JT589863 N589863:O589863 WWE524327:WWF524327 WMI524327:WMJ524327 WCM524327:WCN524327 VSQ524327:VSR524327 VIU524327:VIV524327 UYY524327:UYZ524327 UPC524327:UPD524327 UFG524327:UFH524327 TVK524327:TVL524327 TLO524327:TLP524327 TBS524327:TBT524327 SRW524327:SRX524327 SIA524327:SIB524327 RYE524327:RYF524327 ROI524327:ROJ524327 REM524327:REN524327 QUQ524327:QUR524327 QKU524327:QKV524327 QAY524327:QAZ524327 PRC524327:PRD524327 PHG524327:PHH524327 OXK524327:OXL524327 ONO524327:ONP524327 ODS524327:ODT524327 NTW524327:NTX524327 NKA524327:NKB524327 NAE524327:NAF524327 MQI524327:MQJ524327 MGM524327:MGN524327 LWQ524327:LWR524327 LMU524327:LMV524327 LCY524327:LCZ524327 KTC524327:KTD524327 KJG524327:KJH524327 JZK524327:JZL524327 JPO524327:JPP524327 JFS524327:JFT524327 IVW524327:IVX524327 IMA524327:IMB524327 ICE524327:ICF524327 HSI524327:HSJ524327 HIM524327:HIN524327 GYQ524327:GYR524327 GOU524327:GOV524327 GEY524327:GEZ524327 FVC524327:FVD524327 FLG524327:FLH524327 FBK524327:FBL524327 ERO524327:ERP524327 EHS524327:EHT524327 DXW524327:DXX524327 DOA524327:DOB524327 DEE524327:DEF524327 CUI524327:CUJ524327 CKM524327:CKN524327 CAQ524327:CAR524327 BQU524327:BQV524327 BGY524327:BGZ524327 AXC524327:AXD524327 ANG524327:ANH524327 ADK524327:ADL524327 TO524327:TP524327 JS524327:JT524327 N524327:O524327 WWE458791:WWF458791 WMI458791:WMJ458791 WCM458791:WCN458791 VSQ458791:VSR458791 VIU458791:VIV458791 UYY458791:UYZ458791 UPC458791:UPD458791 UFG458791:UFH458791 TVK458791:TVL458791 TLO458791:TLP458791 TBS458791:TBT458791 SRW458791:SRX458791 SIA458791:SIB458791 RYE458791:RYF458791 ROI458791:ROJ458791 REM458791:REN458791 QUQ458791:QUR458791 QKU458791:QKV458791 QAY458791:QAZ458791 PRC458791:PRD458791 PHG458791:PHH458791 OXK458791:OXL458791 ONO458791:ONP458791 ODS458791:ODT458791 NTW458791:NTX458791 NKA458791:NKB458791 NAE458791:NAF458791 MQI458791:MQJ458791 MGM458791:MGN458791 LWQ458791:LWR458791 LMU458791:LMV458791 LCY458791:LCZ458791 KTC458791:KTD458791 KJG458791:KJH458791 JZK458791:JZL458791 JPO458791:JPP458791 JFS458791:JFT458791 IVW458791:IVX458791 IMA458791:IMB458791 ICE458791:ICF458791 HSI458791:HSJ458791 HIM458791:HIN458791 GYQ458791:GYR458791 GOU458791:GOV458791 GEY458791:GEZ458791 FVC458791:FVD458791 FLG458791:FLH458791 FBK458791:FBL458791 ERO458791:ERP458791 EHS458791:EHT458791 DXW458791:DXX458791 DOA458791:DOB458791 DEE458791:DEF458791 CUI458791:CUJ458791 CKM458791:CKN458791 CAQ458791:CAR458791 BQU458791:BQV458791 BGY458791:BGZ458791 AXC458791:AXD458791 ANG458791:ANH458791 ADK458791:ADL458791 TO458791:TP458791 JS458791:JT458791 N458791:O458791 WWE393255:WWF393255 WMI393255:WMJ393255 WCM393255:WCN393255 VSQ393255:VSR393255 VIU393255:VIV393255 UYY393255:UYZ393255 UPC393255:UPD393255 UFG393255:UFH393255 TVK393255:TVL393255 TLO393255:TLP393255 TBS393255:TBT393255 SRW393255:SRX393255 SIA393255:SIB393255 RYE393255:RYF393255 ROI393255:ROJ393255 REM393255:REN393255 QUQ393255:QUR393255 QKU393255:QKV393255 QAY393255:QAZ393255 PRC393255:PRD393255 PHG393255:PHH393255 OXK393255:OXL393255 ONO393255:ONP393255 ODS393255:ODT393255 NTW393255:NTX393255 NKA393255:NKB393255 NAE393255:NAF393255 MQI393255:MQJ393255 MGM393255:MGN393255 LWQ393255:LWR393255 LMU393255:LMV393255 LCY393255:LCZ393255 KTC393255:KTD393255 KJG393255:KJH393255 JZK393255:JZL393255 JPO393255:JPP393255 JFS393255:JFT393255 IVW393255:IVX393255 IMA393255:IMB393255 ICE393255:ICF393255 HSI393255:HSJ393255 HIM393255:HIN393255 GYQ393255:GYR393255 GOU393255:GOV393255 GEY393255:GEZ393255 FVC393255:FVD393255 FLG393255:FLH393255 FBK393255:FBL393255 ERO393255:ERP393255 EHS393255:EHT393255 DXW393255:DXX393255 DOA393255:DOB393255 DEE393255:DEF393255 CUI393255:CUJ393255 CKM393255:CKN393255 CAQ393255:CAR393255 BQU393255:BQV393255 BGY393255:BGZ393255 AXC393255:AXD393255 ANG393255:ANH393255 ADK393255:ADL393255 TO393255:TP393255 JS393255:JT393255 N393255:O393255 WWE327719:WWF327719 WMI327719:WMJ327719 WCM327719:WCN327719 VSQ327719:VSR327719 VIU327719:VIV327719 UYY327719:UYZ327719 UPC327719:UPD327719 UFG327719:UFH327719 TVK327719:TVL327719 TLO327719:TLP327719 TBS327719:TBT327719 SRW327719:SRX327719 SIA327719:SIB327719 RYE327719:RYF327719 ROI327719:ROJ327719 REM327719:REN327719 QUQ327719:QUR327719 QKU327719:QKV327719 QAY327719:QAZ327719 PRC327719:PRD327719 PHG327719:PHH327719 OXK327719:OXL327719 ONO327719:ONP327719 ODS327719:ODT327719 NTW327719:NTX327719 NKA327719:NKB327719 NAE327719:NAF327719 MQI327719:MQJ327719 MGM327719:MGN327719 LWQ327719:LWR327719 LMU327719:LMV327719 LCY327719:LCZ327719 KTC327719:KTD327719 KJG327719:KJH327719 JZK327719:JZL327719 JPO327719:JPP327719 JFS327719:JFT327719 IVW327719:IVX327719 IMA327719:IMB327719 ICE327719:ICF327719 HSI327719:HSJ327719 HIM327719:HIN327719 GYQ327719:GYR327719 GOU327719:GOV327719 GEY327719:GEZ327719 FVC327719:FVD327719 FLG327719:FLH327719 FBK327719:FBL327719 ERO327719:ERP327719 EHS327719:EHT327719 DXW327719:DXX327719 DOA327719:DOB327719 DEE327719:DEF327719 CUI327719:CUJ327719 CKM327719:CKN327719 CAQ327719:CAR327719 BQU327719:BQV327719 BGY327719:BGZ327719 AXC327719:AXD327719 ANG327719:ANH327719 ADK327719:ADL327719 TO327719:TP327719 JS327719:JT327719 N327719:O327719 WWE262183:WWF262183 WMI262183:WMJ262183 WCM262183:WCN262183 VSQ262183:VSR262183 VIU262183:VIV262183 UYY262183:UYZ262183 UPC262183:UPD262183 UFG262183:UFH262183 TVK262183:TVL262183 TLO262183:TLP262183 TBS262183:TBT262183 SRW262183:SRX262183 SIA262183:SIB262183 RYE262183:RYF262183 ROI262183:ROJ262183 REM262183:REN262183 QUQ262183:QUR262183 QKU262183:QKV262183 QAY262183:QAZ262183 PRC262183:PRD262183 PHG262183:PHH262183 OXK262183:OXL262183 ONO262183:ONP262183 ODS262183:ODT262183 NTW262183:NTX262183 NKA262183:NKB262183 NAE262183:NAF262183 MQI262183:MQJ262183 MGM262183:MGN262183 LWQ262183:LWR262183 LMU262183:LMV262183 LCY262183:LCZ262183 KTC262183:KTD262183 KJG262183:KJH262183 JZK262183:JZL262183 JPO262183:JPP262183 JFS262183:JFT262183 IVW262183:IVX262183 IMA262183:IMB262183 ICE262183:ICF262183 HSI262183:HSJ262183 HIM262183:HIN262183 GYQ262183:GYR262183 GOU262183:GOV262183 GEY262183:GEZ262183 FVC262183:FVD262183 FLG262183:FLH262183 FBK262183:FBL262183 ERO262183:ERP262183 EHS262183:EHT262183 DXW262183:DXX262183 DOA262183:DOB262183 DEE262183:DEF262183 CUI262183:CUJ262183 CKM262183:CKN262183 CAQ262183:CAR262183 BQU262183:BQV262183 BGY262183:BGZ262183 AXC262183:AXD262183 ANG262183:ANH262183 ADK262183:ADL262183 TO262183:TP262183 JS262183:JT262183 N262183:O262183 WWE196647:WWF196647 WMI196647:WMJ196647 WCM196647:WCN196647 VSQ196647:VSR196647 VIU196647:VIV196647 UYY196647:UYZ196647 UPC196647:UPD196647 UFG196647:UFH196647 TVK196647:TVL196647 TLO196647:TLP196647 TBS196647:TBT196647 SRW196647:SRX196647 SIA196647:SIB196647 RYE196647:RYF196647 ROI196647:ROJ196647 REM196647:REN196647 QUQ196647:QUR196647 QKU196647:QKV196647 QAY196647:QAZ196647 PRC196647:PRD196647 PHG196647:PHH196647 OXK196647:OXL196647 ONO196647:ONP196647 ODS196647:ODT196647 NTW196647:NTX196647 NKA196647:NKB196647 NAE196647:NAF196647 MQI196647:MQJ196647 MGM196647:MGN196647 LWQ196647:LWR196647 LMU196647:LMV196647 LCY196647:LCZ196647 KTC196647:KTD196647 KJG196647:KJH196647 JZK196647:JZL196647 JPO196647:JPP196647 JFS196647:JFT196647 IVW196647:IVX196647 IMA196647:IMB196647 ICE196647:ICF196647 HSI196647:HSJ196647 HIM196647:HIN196647 GYQ196647:GYR196647 GOU196647:GOV196647 GEY196647:GEZ196647 FVC196647:FVD196647 FLG196647:FLH196647 FBK196647:FBL196647 ERO196647:ERP196647 EHS196647:EHT196647 DXW196647:DXX196647 DOA196647:DOB196647 DEE196647:DEF196647 CUI196647:CUJ196647 CKM196647:CKN196647 CAQ196647:CAR196647 BQU196647:BQV196647 BGY196647:BGZ196647 AXC196647:AXD196647 ANG196647:ANH196647 ADK196647:ADL196647 TO196647:TP196647 JS196647:JT196647 N196647:O196647 WWE131111:WWF131111 WMI131111:WMJ131111 WCM131111:WCN131111 VSQ131111:VSR131111 VIU131111:VIV131111 UYY131111:UYZ131111 UPC131111:UPD131111 UFG131111:UFH131111 TVK131111:TVL131111 TLO131111:TLP131111 TBS131111:TBT131111 SRW131111:SRX131111 SIA131111:SIB131111 RYE131111:RYF131111 ROI131111:ROJ131111 REM131111:REN131111 QUQ131111:QUR131111 QKU131111:QKV131111 QAY131111:QAZ131111 PRC131111:PRD131111 PHG131111:PHH131111 OXK131111:OXL131111 ONO131111:ONP131111 ODS131111:ODT131111 NTW131111:NTX131111 NKA131111:NKB131111 NAE131111:NAF131111 MQI131111:MQJ131111 MGM131111:MGN131111 LWQ131111:LWR131111 LMU131111:LMV131111 LCY131111:LCZ131111 KTC131111:KTD131111 KJG131111:KJH131111 JZK131111:JZL131111 JPO131111:JPP131111 JFS131111:JFT131111 IVW131111:IVX131111 IMA131111:IMB131111 ICE131111:ICF131111 HSI131111:HSJ131111 HIM131111:HIN131111 GYQ131111:GYR131111 GOU131111:GOV131111 GEY131111:GEZ131111 FVC131111:FVD131111 FLG131111:FLH131111 FBK131111:FBL131111 ERO131111:ERP131111 EHS131111:EHT131111 DXW131111:DXX131111 DOA131111:DOB131111 DEE131111:DEF131111 CUI131111:CUJ131111 CKM131111:CKN131111 CAQ131111:CAR131111 BQU131111:BQV131111 BGY131111:BGZ131111 AXC131111:AXD131111 ANG131111:ANH131111 ADK131111:ADL131111 TO131111:TP131111 JS131111:JT131111 N131111:O131111 WWE65575:WWF65575 WMI65575:WMJ65575 WCM65575:WCN65575 VSQ65575:VSR65575 VIU65575:VIV65575 UYY65575:UYZ65575 UPC65575:UPD65575 UFG65575:UFH65575 TVK65575:TVL65575 TLO65575:TLP65575 TBS65575:TBT65575 SRW65575:SRX65575 SIA65575:SIB65575 RYE65575:RYF65575 ROI65575:ROJ65575 REM65575:REN65575 QUQ65575:QUR65575 QKU65575:QKV65575 QAY65575:QAZ65575 PRC65575:PRD65575 PHG65575:PHH65575 OXK65575:OXL65575 ONO65575:ONP65575 ODS65575:ODT65575 NTW65575:NTX65575 NKA65575:NKB65575 NAE65575:NAF65575 MQI65575:MQJ65575 MGM65575:MGN65575 LWQ65575:LWR65575 LMU65575:LMV65575 LCY65575:LCZ65575 KTC65575:KTD65575 KJG65575:KJH65575 JZK65575:JZL65575 JPO65575:JPP65575 JFS65575:JFT65575 IVW65575:IVX65575 IMA65575:IMB65575 ICE65575:ICF65575 HSI65575:HSJ65575 HIM65575:HIN65575 GYQ65575:GYR65575 GOU65575:GOV65575 GEY65575:GEZ65575 FVC65575:FVD65575 FLG65575:FLH65575 FBK65575:FBL65575 ERO65575:ERP65575 EHS65575:EHT65575 DXW65575:DXX65575 DOA65575:DOB65575 DEE65575:DEF65575 CUI65575:CUJ65575 CKM65575:CKN65575 CAQ65575:CAR65575 BQU65575:BQV65575 BGY65575:BGZ65575 AXC65575:AXD65575 ANG65575:ANH65575 ADK65575:ADL65575 TO65575:TP65575 JS65575:JT65575 N65575:O65575 WWE43:WWF43 WMI43:WMJ43 WCM43:WCN43 VSQ43:VSR43 VIU43:VIV43 UYY43:UYZ43 UPC43:UPD43 UFG43:UFH43 TVK43:TVL43 TLO43:TLP43 TBS43:TBT43 SRW43:SRX43 SIA43:SIB43 RYE43:RYF43 ROI43:ROJ43 REM43:REN43 QUQ43:QUR43 QKU43:QKV43 QAY43:QAZ43 PRC43:PRD43 PHG43:PHH43 OXK43:OXL43 ONO43:ONP43 ODS43:ODT43 NTW43:NTX43 NKA43:NKB43 NAE43:NAF43 MQI43:MQJ43 MGM43:MGN43 LWQ43:LWR43 LMU43:LMV43 LCY43:LCZ43 KTC43:KTD43 KJG43:KJH43 JZK43:JZL43 JPO43:JPP43 JFS43:JFT43 IVW43:IVX43 IMA43:IMB43 ICE43:ICF43 HSI43:HSJ43 HIM43:HIN43 GYQ43:GYR43 GOU43:GOV43 GEY43:GEZ43 FVC43:FVD43 FLG43:FLH43 FBK43:FBL43 ERO43:ERP43 EHS43:EHT43 DXW43:DXX43 DOA43:DOB43 DEE43:DEF43 CUI43:CUJ43 CKM43:CKN43 CAQ43:CAR43 BQU43:BQV43 BGY43:BGZ43 AXC43:AXD43 ANG43:ANH43 ADK43:ADL43 TO43:TP43 JS43:JT43 WXA983045:WXF983074 WNE983045:WNJ983074 WDI983045:WDN983074 VTM983045:VTR983074 VJQ983045:VJV983074 UZU983045:UZZ983074 UPY983045:UQD983074 UGC983045:UGH983074 TWG983045:TWL983074 TMK983045:TMP983074 TCO983045:TCT983074 SSS983045:SSX983074 SIW983045:SJB983074 RZA983045:RZF983074 RPE983045:RPJ983074 RFI983045:RFN983074 QVM983045:QVR983074 QLQ983045:QLV983074 QBU983045:QBZ983074 PRY983045:PSD983074 PIC983045:PIH983074 OYG983045:OYL983074 OOK983045:OOP983074 OEO983045:OET983074 NUS983045:NUX983074 NKW983045:NLB983074 NBA983045:NBF983074 MRE983045:MRJ983074 MHI983045:MHN983074 LXM983045:LXR983074 LNQ983045:LNV983074 LDU983045:LDZ983074 KTY983045:KUD983074 KKC983045:KKH983074 KAG983045:KAL983074 JQK983045:JQP983074 JGO983045:JGT983074 IWS983045:IWX983074 IMW983045:INB983074 IDA983045:IDF983074 HTE983045:HTJ983074 HJI983045:HJN983074 GZM983045:GZR983074 GPQ983045:GPV983074 GFU983045:GFZ983074 FVY983045:FWD983074 FMC983045:FMH983074 FCG983045:FCL983074 ESK983045:ESP983074 EIO983045:EIT983074 DYS983045:DYX983074 DOW983045:DPB983074 DFA983045:DFF983074 CVE983045:CVJ983074 CLI983045:CLN983074 CBM983045:CBR983074 BRQ983045:BRV983074 BHU983045:BHZ983074 AXY983045:AYD983074 AOC983045:AOH983074 AEG983045:AEL983074 UK983045:UP983074 KO983045:KT983074 AR983045:AX983074 WXA917509:WXF917538 WNE917509:WNJ917538 WDI917509:WDN917538 VTM917509:VTR917538 VJQ917509:VJV917538 UZU917509:UZZ917538 UPY917509:UQD917538 UGC917509:UGH917538 TWG917509:TWL917538 TMK917509:TMP917538 TCO917509:TCT917538 SSS917509:SSX917538 SIW917509:SJB917538 RZA917509:RZF917538 RPE917509:RPJ917538 RFI917509:RFN917538 QVM917509:QVR917538 QLQ917509:QLV917538 QBU917509:QBZ917538 PRY917509:PSD917538 PIC917509:PIH917538 OYG917509:OYL917538 OOK917509:OOP917538 OEO917509:OET917538 NUS917509:NUX917538 NKW917509:NLB917538 NBA917509:NBF917538 MRE917509:MRJ917538 MHI917509:MHN917538 LXM917509:LXR917538 LNQ917509:LNV917538 LDU917509:LDZ917538 KTY917509:KUD917538 KKC917509:KKH917538 KAG917509:KAL917538 JQK917509:JQP917538 JGO917509:JGT917538 IWS917509:IWX917538 IMW917509:INB917538 IDA917509:IDF917538 HTE917509:HTJ917538 HJI917509:HJN917538 GZM917509:GZR917538 GPQ917509:GPV917538 GFU917509:GFZ917538 FVY917509:FWD917538 FMC917509:FMH917538 FCG917509:FCL917538 ESK917509:ESP917538 EIO917509:EIT917538 DYS917509:DYX917538 DOW917509:DPB917538 DFA917509:DFF917538 CVE917509:CVJ917538 CLI917509:CLN917538 CBM917509:CBR917538 BRQ917509:BRV917538 BHU917509:BHZ917538 AXY917509:AYD917538 AOC917509:AOH917538 AEG917509:AEL917538 UK917509:UP917538 KO917509:KT917538 AR917509:AX917538 WXA851973:WXF852002 WNE851973:WNJ852002 WDI851973:WDN852002 VTM851973:VTR852002 VJQ851973:VJV852002 UZU851973:UZZ852002 UPY851973:UQD852002 UGC851973:UGH852002 TWG851973:TWL852002 TMK851973:TMP852002 TCO851973:TCT852002 SSS851973:SSX852002 SIW851973:SJB852002 RZA851973:RZF852002 RPE851973:RPJ852002 RFI851973:RFN852002 QVM851973:QVR852002 QLQ851973:QLV852002 QBU851973:QBZ852002 PRY851973:PSD852002 PIC851973:PIH852002 OYG851973:OYL852002 OOK851973:OOP852002 OEO851973:OET852002 NUS851973:NUX852002 NKW851973:NLB852002 NBA851973:NBF852002 MRE851973:MRJ852002 MHI851973:MHN852002 LXM851973:LXR852002 LNQ851973:LNV852002 LDU851973:LDZ852002 KTY851973:KUD852002 KKC851973:KKH852002 KAG851973:KAL852002 JQK851973:JQP852002 JGO851973:JGT852002 IWS851973:IWX852002 IMW851973:INB852002 IDA851973:IDF852002 HTE851973:HTJ852002 HJI851973:HJN852002 GZM851973:GZR852002 GPQ851973:GPV852002 GFU851973:GFZ852002 FVY851973:FWD852002 FMC851973:FMH852002 FCG851973:FCL852002 ESK851973:ESP852002 EIO851973:EIT852002 DYS851973:DYX852002 DOW851973:DPB852002 DFA851973:DFF852002 CVE851973:CVJ852002 CLI851973:CLN852002 CBM851973:CBR852002 BRQ851973:BRV852002 BHU851973:BHZ852002 AXY851973:AYD852002 AOC851973:AOH852002 AEG851973:AEL852002 UK851973:UP852002 KO851973:KT852002 AR851973:AX852002 WXA786437:WXF786466 WNE786437:WNJ786466 WDI786437:WDN786466 VTM786437:VTR786466 VJQ786437:VJV786466 UZU786437:UZZ786466 UPY786437:UQD786466 UGC786437:UGH786466 TWG786437:TWL786466 TMK786437:TMP786466 TCO786437:TCT786466 SSS786437:SSX786466 SIW786437:SJB786466 RZA786437:RZF786466 RPE786437:RPJ786466 RFI786437:RFN786466 QVM786437:QVR786466 QLQ786437:QLV786466 QBU786437:QBZ786466 PRY786437:PSD786466 PIC786437:PIH786466 OYG786437:OYL786466 OOK786437:OOP786466 OEO786437:OET786466 NUS786437:NUX786466 NKW786437:NLB786466 NBA786437:NBF786466 MRE786437:MRJ786466 MHI786437:MHN786466 LXM786437:LXR786466 LNQ786437:LNV786466 LDU786437:LDZ786466 KTY786437:KUD786466 KKC786437:KKH786466 KAG786437:KAL786466 JQK786437:JQP786466 JGO786437:JGT786466 IWS786437:IWX786466 IMW786437:INB786466 IDA786437:IDF786466 HTE786437:HTJ786466 HJI786437:HJN786466 GZM786437:GZR786466 GPQ786437:GPV786466 GFU786437:GFZ786466 FVY786437:FWD786466 FMC786437:FMH786466 FCG786437:FCL786466 ESK786437:ESP786466 EIO786437:EIT786466 DYS786437:DYX786466 DOW786437:DPB786466 DFA786437:DFF786466 CVE786437:CVJ786466 CLI786437:CLN786466 CBM786437:CBR786466 BRQ786437:BRV786466 BHU786437:BHZ786466 AXY786437:AYD786466 AOC786437:AOH786466 AEG786437:AEL786466 UK786437:UP786466 KO786437:KT786466 AR786437:AX786466 WXA720901:WXF720930 WNE720901:WNJ720930 WDI720901:WDN720930 VTM720901:VTR720930 VJQ720901:VJV720930 UZU720901:UZZ720930 UPY720901:UQD720930 UGC720901:UGH720930 TWG720901:TWL720930 TMK720901:TMP720930 TCO720901:TCT720930 SSS720901:SSX720930 SIW720901:SJB720930 RZA720901:RZF720930 RPE720901:RPJ720930 RFI720901:RFN720930 QVM720901:QVR720930 QLQ720901:QLV720930 QBU720901:QBZ720930 PRY720901:PSD720930 PIC720901:PIH720930 OYG720901:OYL720930 OOK720901:OOP720930 OEO720901:OET720930 NUS720901:NUX720930 NKW720901:NLB720930 NBA720901:NBF720930 MRE720901:MRJ720930 MHI720901:MHN720930 LXM720901:LXR720930 LNQ720901:LNV720930 LDU720901:LDZ720930 KTY720901:KUD720930 KKC720901:KKH720930 KAG720901:KAL720930 JQK720901:JQP720930 JGO720901:JGT720930 IWS720901:IWX720930 IMW720901:INB720930 IDA720901:IDF720930 HTE720901:HTJ720930 HJI720901:HJN720930 GZM720901:GZR720930 GPQ720901:GPV720930 GFU720901:GFZ720930 FVY720901:FWD720930 FMC720901:FMH720930 FCG720901:FCL720930 ESK720901:ESP720930 EIO720901:EIT720930 DYS720901:DYX720930 DOW720901:DPB720930 DFA720901:DFF720930 CVE720901:CVJ720930 CLI720901:CLN720930 CBM720901:CBR720930 BRQ720901:BRV720930 BHU720901:BHZ720930 AXY720901:AYD720930 AOC720901:AOH720930 AEG720901:AEL720930 UK720901:UP720930 KO720901:KT720930 AR720901:AX720930 WXA655365:WXF655394 WNE655365:WNJ655394 WDI655365:WDN655394 VTM655365:VTR655394 VJQ655365:VJV655394 UZU655365:UZZ655394 UPY655365:UQD655394 UGC655365:UGH655394 TWG655365:TWL655394 TMK655365:TMP655394 TCO655365:TCT655394 SSS655365:SSX655394 SIW655365:SJB655394 RZA655365:RZF655394 RPE655365:RPJ655394 RFI655365:RFN655394 QVM655365:QVR655394 QLQ655365:QLV655394 QBU655365:QBZ655394 PRY655365:PSD655394 PIC655365:PIH655394 OYG655365:OYL655394 OOK655365:OOP655394 OEO655365:OET655394 NUS655365:NUX655394 NKW655365:NLB655394 NBA655365:NBF655394 MRE655365:MRJ655394 MHI655365:MHN655394 LXM655365:LXR655394 LNQ655365:LNV655394 LDU655365:LDZ655394 KTY655365:KUD655394 KKC655365:KKH655394 KAG655365:KAL655394 JQK655365:JQP655394 JGO655365:JGT655394 IWS655365:IWX655394 IMW655365:INB655394 IDA655365:IDF655394 HTE655365:HTJ655394 HJI655365:HJN655394 GZM655365:GZR655394 GPQ655365:GPV655394 GFU655365:GFZ655394 FVY655365:FWD655394 FMC655365:FMH655394 FCG655365:FCL655394 ESK655365:ESP655394 EIO655365:EIT655394 DYS655365:DYX655394 DOW655365:DPB655394 DFA655365:DFF655394 CVE655365:CVJ655394 CLI655365:CLN655394 CBM655365:CBR655394 BRQ655365:BRV655394 BHU655365:BHZ655394 AXY655365:AYD655394 AOC655365:AOH655394 AEG655365:AEL655394 UK655365:UP655394 KO655365:KT655394 AR655365:AX655394 WXA589829:WXF589858 WNE589829:WNJ589858 WDI589829:WDN589858 VTM589829:VTR589858 VJQ589829:VJV589858 UZU589829:UZZ589858 UPY589829:UQD589858 UGC589829:UGH589858 TWG589829:TWL589858 TMK589829:TMP589858 TCO589829:TCT589858 SSS589829:SSX589858 SIW589829:SJB589858 RZA589829:RZF589858 RPE589829:RPJ589858 RFI589829:RFN589858 QVM589829:QVR589858 QLQ589829:QLV589858 QBU589829:QBZ589858 PRY589829:PSD589858 PIC589829:PIH589858 OYG589829:OYL589858 OOK589829:OOP589858 OEO589829:OET589858 NUS589829:NUX589858 NKW589829:NLB589858 NBA589829:NBF589858 MRE589829:MRJ589858 MHI589829:MHN589858 LXM589829:LXR589858 LNQ589829:LNV589858 LDU589829:LDZ589858 KTY589829:KUD589858 KKC589829:KKH589858 KAG589829:KAL589858 JQK589829:JQP589858 JGO589829:JGT589858 IWS589829:IWX589858 IMW589829:INB589858 IDA589829:IDF589858 HTE589829:HTJ589858 HJI589829:HJN589858 GZM589829:GZR589858 GPQ589829:GPV589858 GFU589829:GFZ589858 FVY589829:FWD589858 FMC589829:FMH589858 FCG589829:FCL589858 ESK589829:ESP589858 EIO589829:EIT589858 DYS589829:DYX589858 DOW589829:DPB589858 DFA589829:DFF589858 CVE589829:CVJ589858 CLI589829:CLN589858 CBM589829:CBR589858 BRQ589829:BRV589858 BHU589829:BHZ589858 AXY589829:AYD589858 AOC589829:AOH589858 AEG589829:AEL589858 UK589829:UP589858 KO589829:KT589858 AR589829:AX589858 WXA524293:WXF524322 WNE524293:WNJ524322 WDI524293:WDN524322 VTM524293:VTR524322 VJQ524293:VJV524322 UZU524293:UZZ524322 UPY524293:UQD524322 UGC524293:UGH524322 TWG524293:TWL524322 TMK524293:TMP524322 TCO524293:TCT524322 SSS524293:SSX524322 SIW524293:SJB524322 RZA524293:RZF524322 RPE524293:RPJ524322 RFI524293:RFN524322 QVM524293:QVR524322 QLQ524293:QLV524322 QBU524293:QBZ524322 PRY524293:PSD524322 PIC524293:PIH524322 OYG524293:OYL524322 OOK524293:OOP524322 OEO524293:OET524322 NUS524293:NUX524322 NKW524293:NLB524322 NBA524293:NBF524322 MRE524293:MRJ524322 MHI524293:MHN524322 LXM524293:LXR524322 LNQ524293:LNV524322 LDU524293:LDZ524322 KTY524293:KUD524322 KKC524293:KKH524322 KAG524293:KAL524322 JQK524293:JQP524322 JGO524293:JGT524322 IWS524293:IWX524322 IMW524293:INB524322 IDA524293:IDF524322 HTE524293:HTJ524322 HJI524293:HJN524322 GZM524293:GZR524322 GPQ524293:GPV524322 GFU524293:GFZ524322 FVY524293:FWD524322 FMC524293:FMH524322 FCG524293:FCL524322 ESK524293:ESP524322 EIO524293:EIT524322 DYS524293:DYX524322 DOW524293:DPB524322 DFA524293:DFF524322 CVE524293:CVJ524322 CLI524293:CLN524322 CBM524293:CBR524322 BRQ524293:BRV524322 BHU524293:BHZ524322 AXY524293:AYD524322 AOC524293:AOH524322 AEG524293:AEL524322 UK524293:UP524322 KO524293:KT524322 AR524293:AX524322 WXA458757:WXF458786 WNE458757:WNJ458786 WDI458757:WDN458786 VTM458757:VTR458786 VJQ458757:VJV458786 UZU458757:UZZ458786 UPY458757:UQD458786 UGC458757:UGH458786 TWG458757:TWL458786 TMK458757:TMP458786 TCO458757:TCT458786 SSS458757:SSX458786 SIW458757:SJB458786 RZA458757:RZF458786 RPE458757:RPJ458786 RFI458757:RFN458786 QVM458757:QVR458786 QLQ458757:QLV458786 QBU458757:QBZ458786 PRY458757:PSD458786 PIC458757:PIH458786 OYG458757:OYL458786 OOK458757:OOP458786 OEO458757:OET458786 NUS458757:NUX458786 NKW458757:NLB458786 NBA458757:NBF458786 MRE458757:MRJ458786 MHI458757:MHN458786 LXM458757:LXR458786 LNQ458757:LNV458786 LDU458757:LDZ458786 KTY458757:KUD458786 KKC458757:KKH458786 KAG458757:KAL458786 JQK458757:JQP458786 JGO458757:JGT458786 IWS458757:IWX458786 IMW458757:INB458786 IDA458757:IDF458786 HTE458757:HTJ458786 HJI458757:HJN458786 GZM458757:GZR458786 GPQ458757:GPV458786 GFU458757:GFZ458786 FVY458757:FWD458786 FMC458757:FMH458786 FCG458757:FCL458786 ESK458757:ESP458786 EIO458757:EIT458786 DYS458757:DYX458786 DOW458757:DPB458786 DFA458757:DFF458786 CVE458757:CVJ458786 CLI458757:CLN458786 CBM458757:CBR458786 BRQ458757:BRV458786 BHU458757:BHZ458786 AXY458757:AYD458786 AOC458757:AOH458786 AEG458757:AEL458786 UK458757:UP458786 KO458757:KT458786 AR458757:AX458786 WXA393221:WXF393250 WNE393221:WNJ393250 WDI393221:WDN393250 VTM393221:VTR393250 VJQ393221:VJV393250 UZU393221:UZZ393250 UPY393221:UQD393250 UGC393221:UGH393250 TWG393221:TWL393250 TMK393221:TMP393250 TCO393221:TCT393250 SSS393221:SSX393250 SIW393221:SJB393250 RZA393221:RZF393250 RPE393221:RPJ393250 RFI393221:RFN393250 QVM393221:QVR393250 QLQ393221:QLV393250 QBU393221:QBZ393250 PRY393221:PSD393250 PIC393221:PIH393250 OYG393221:OYL393250 OOK393221:OOP393250 OEO393221:OET393250 NUS393221:NUX393250 NKW393221:NLB393250 NBA393221:NBF393250 MRE393221:MRJ393250 MHI393221:MHN393250 LXM393221:LXR393250 LNQ393221:LNV393250 LDU393221:LDZ393250 KTY393221:KUD393250 KKC393221:KKH393250 KAG393221:KAL393250 JQK393221:JQP393250 JGO393221:JGT393250 IWS393221:IWX393250 IMW393221:INB393250 IDA393221:IDF393250 HTE393221:HTJ393250 HJI393221:HJN393250 GZM393221:GZR393250 GPQ393221:GPV393250 GFU393221:GFZ393250 FVY393221:FWD393250 FMC393221:FMH393250 FCG393221:FCL393250 ESK393221:ESP393250 EIO393221:EIT393250 DYS393221:DYX393250 DOW393221:DPB393250 DFA393221:DFF393250 CVE393221:CVJ393250 CLI393221:CLN393250 CBM393221:CBR393250 BRQ393221:BRV393250 BHU393221:BHZ393250 AXY393221:AYD393250 AOC393221:AOH393250 AEG393221:AEL393250 UK393221:UP393250 KO393221:KT393250 AR393221:AX393250 WXA327685:WXF327714 WNE327685:WNJ327714 WDI327685:WDN327714 VTM327685:VTR327714 VJQ327685:VJV327714 UZU327685:UZZ327714 UPY327685:UQD327714 UGC327685:UGH327714 TWG327685:TWL327714 TMK327685:TMP327714 TCO327685:TCT327714 SSS327685:SSX327714 SIW327685:SJB327714 RZA327685:RZF327714 RPE327685:RPJ327714 RFI327685:RFN327714 QVM327685:QVR327714 QLQ327685:QLV327714 QBU327685:QBZ327714 PRY327685:PSD327714 PIC327685:PIH327714 OYG327685:OYL327714 OOK327685:OOP327714 OEO327685:OET327714 NUS327685:NUX327714 NKW327685:NLB327714 NBA327685:NBF327714 MRE327685:MRJ327714 MHI327685:MHN327714 LXM327685:LXR327714 LNQ327685:LNV327714 LDU327685:LDZ327714 KTY327685:KUD327714 KKC327685:KKH327714 KAG327685:KAL327714 JQK327685:JQP327714 JGO327685:JGT327714 IWS327685:IWX327714 IMW327685:INB327714 IDA327685:IDF327714 HTE327685:HTJ327714 HJI327685:HJN327714 GZM327685:GZR327714 GPQ327685:GPV327714 GFU327685:GFZ327714 FVY327685:FWD327714 FMC327685:FMH327714 FCG327685:FCL327714 ESK327685:ESP327714 EIO327685:EIT327714 DYS327685:DYX327714 DOW327685:DPB327714 DFA327685:DFF327714 CVE327685:CVJ327714 CLI327685:CLN327714 CBM327685:CBR327714 BRQ327685:BRV327714 BHU327685:BHZ327714 AXY327685:AYD327714 AOC327685:AOH327714 AEG327685:AEL327714 UK327685:UP327714 KO327685:KT327714 AR327685:AX327714 WXA262149:WXF262178 WNE262149:WNJ262178 WDI262149:WDN262178 VTM262149:VTR262178 VJQ262149:VJV262178 UZU262149:UZZ262178 UPY262149:UQD262178 UGC262149:UGH262178 TWG262149:TWL262178 TMK262149:TMP262178 TCO262149:TCT262178 SSS262149:SSX262178 SIW262149:SJB262178 RZA262149:RZF262178 RPE262149:RPJ262178 RFI262149:RFN262178 QVM262149:QVR262178 QLQ262149:QLV262178 QBU262149:QBZ262178 PRY262149:PSD262178 PIC262149:PIH262178 OYG262149:OYL262178 OOK262149:OOP262178 OEO262149:OET262178 NUS262149:NUX262178 NKW262149:NLB262178 NBA262149:NBF262178 MRE262149:MRJ262178 MHI262149:MHN262178 LXM262149:LXR262178 LNQ262149:LNV262178 LDU262149:LDZ262178 KTY262149:KUD262178 KKC262149:KKH262178 KAG262149:KAL262178 JQK262149:JQP262178 JGO262149:JGT262178 IWS262149:IWX262178 IMW262149:INB262178 IDA262149:IDF262178 HTE262149:HTJ262178 HJI262149:HJN262178 GZM262149:GZR262178 GPQ262149:GPV262178 GFU262149:GFZ262178 FVY262149:FWD262178 FMC262149:FMH262178 FCG262149:FCL262178 ESK262149:ESP262178 EIO262149:EIT262178 DYS262149:DYX262178 DOW262149:DPB262178 DFA262149:DFF262178 CVE262149:CVJ262178 CLI262149:CLN262178 CBM262149:CBR262178 BRQ262149:BRV262178 BHU262149:BHZ262178 AXY262149:AYD262178 AOC262149:AOH262178 AEG262149:AEL262178 UK262149:UP262178 KO262149:KT262178 AR262149:AX262178 WXA196613:WXF196642 WNE196613:WNJ196642 WDI196613:WDN196642 VTM196613:VTR196642 VJQ196613:VJV196642 UZU196613:UZZ196642 UPY196613:UQD196642 UGC196613:UGH196642 TWG196613:TWL196642 TMK196613:TMP196642 TCO196613:TCT196642 SSS196613:SSX196642 SIW196613:SJB196642 RZA196613:RZF196642 RPE196613:RPJ196642 RFI196613:RFN196642 QVM196613:QVR196642 QLQ196613:QLV196642 QBU196613:QBZ196642 PRY196613:PSD196642 PIC196613:PIH196642 OYG196613:OYL196642 OOK196613:OOP196642 OEO196613:OET196642 NUS196613:NUX196642 NKW196613:NLB196642 NBA196613:NBF196642 MRE196613:MRJ196642 MHI196613:MHN196642 LXM196613:LXR196642 LNQ196613:LNV196642 LDU196613:LDZ196642 KTY196613:KUD196642 KKC196613:KKH196642 KAG196613:KAL196642 JQK196613:JQP196642 JGO196613:JGT196642 IWS196613:IWX196642 IMW196613:INB196642 IDA196613:IDF196642 HTE196613:HTJ196642 HJI196613:HJN196642 GZM196613:GZR196642 GPQ196613:GPV196642 GFU196613:GFZ196642 FVY196613:FWD196642 FMC196613:FMH196642 FCG196613:FCL196642 ESK196613:ESP196642 EIO196613:EIT196642 DYS196613:DYX196642 DOW196613:DPB196642 DFA196613:DFF196642 CVE196613:CVJ196642 CLI196613:CLN196642 CBM196613:CBR196642 BRQ196613:BRV196642 BHU196613:BHZ196642 AXY196613:AYD196642 AOC196613:AOH196642 AEG196613:AEL196642 UK196613:UP196642 KO196613:KT196642 AR196613:AX196642 WXA131077:WXF131106 WNE131077:WNJ131106 WDI131077:WDN131106 VTM131077:VTR131106 VJQ131077:VJV131106 UZU131077:UZZ131106 UPY131077:UQD131106 UGC131077:UGH131106 TWG131077:TWL131106 TMK131077:TMP131106 TCO131077:TCT131106 SSS131077:SSX131106 SIW131077:SJB131106 RZA131077:RZF131106 RPE131077:RPJ131106 RFI131077:RFN131106 QVM131077:QVR131106 QLQ131077:QLV131106 QBU131077:QBZ131106 PRY131077:PSD131106 PIC131077:PIH131106 OYG131077:OYL131106 OOK131077:OOP131106 OEO131077:OET131106 NUS131077:NUX131106 NKW131077:NLB131106 NBA131077:NBF131106 MRE131077:MRJ131106 MHI131077:MHN131106 LXM131077:LXR131106 LNQ131077:LNV131106 LDU131077:LDZ131106 KTY131077:KUD131106 KKC131077:KKH131106 KAG131077:KAL131106 JQK131077:JQP131106 JGO131077:JGT131106 IWS131077:IWX131106 IMW131077:INB131106 IDA131077:IDF131106 HTE131077:HTJ131106 HJI131077:HJN131106 GZM131077:GZR131106 GPQ131077:GPV131106 GFU131077:GFZ131106 FVY131077:FWD131106 FMC131077:FMH131106 FCG131077:FCL131106 ESK131077:ESP131106 EIO131077:EIT131106 DYS131077:DYX131106 DOW131077:DPB131106 DFA131077:DFF131106 CVE131077:CVJ131106 CLI131077:CLN131106 CBM131077:CBR131106 BRQ131077:BRV131106 BHU131077:BHZ131106 AXY131077:AYD131106 AOC131077:AOH131106 AEG131077:AEL131106 UK131077:UP131106 KO131077:KT131106 AR131077:AX131106 WXA65541:WXF65570 WNE65541:WNJ65570 WDI65541:WDN65570 VTM65541:VTR65570 VJQ65541:VJV65570 UZU65541:UZZ65570 UPY65541:UQD65570 UGC65541:UGH65570 TWG65541:TWL65570 TMK65541:TMP65570 TCO65541:TCT65570 SSS65541:SSX65570 SIW65541:SJB65570 RZA65541:RZF65570 RPE65541:RPJ65570 RFI65541:RFN65570 QVM65541:QVR65570 QLQ65541:QLV65570 QBU65541:QBZ65570 PRY65541:PSD65570 PIC65541:PIH65570 OYG65541:OYL65570 OOK65541:OOP65570 OEO65541:OET65570 NUS65541:NUX65570 NKW65541:NLB65570 NBA65541:NBF65570 MRE65541:MRJ65570 MHI65541:MHN65570 LXM65541:LXR65570 LNQ65541:LNV65570 LDU65541:LDZ65570 KTY65541:KUD65570 KKC65541:KKH65570 KAG65541:KAL65570 JQK65541:JQP65570 JGO65541:JGT65570 IWS65541:IWX65570 IMW65541:INB65570 IDA65541:IDF65570 HTE65541:HTJ65570 HJI65541:HJN65570 GZM65541:GZR65570 GPQ65541:GPV65570 GFU65541:GFZ65570 FVY65541:FWD65570 FMC65541:FMH65570 FCG65541:FCL65570 ESK65541:ESP65570 EIO65541:EIT65570 DYS65541:DYX65570 DOW65541:DPB65570 DFA65541:DFF65570 CVE65541:CVJ65570 CLI65541:CLN65570 CBM65541:CBR65570 BRQ65541:BRV65570 BHU65541:BHZ65570 AXY65541:AYD65570 AOC65541:AOH65570 AEG65541:AEL65570 UK65541:UP65570 KO65541:KT65570 AR65541:AX65570 WXA9:WXF38 WNE9:WNJ38 WDI9:WDN38 VTM9:VTR38 VJQ9:VJV38 UZU9:UZZ38 UPY9:UQD38 UGC9:UGH38 TWG9:TWL38 TMK9:TMP38 TCO9:TCT38 SSS9:SSX38 SIW9:SJB38 RZA9:RZF38 RPE9:RPJ38 RFI9:RFN38 QVM9:QVR38 QLQ9:QLV38 QBU9:QBZ38 PRY9:PSD38 PIC9:PIH38 OYG9:OYL38 OOK9:OOP38 OEO9:OET38 NUS9:NUX38 NKW9:NLB38 NBA9:NBF38 MRE9:MRJ38 MHI9:MHN38 LXM9:LXR38 LNQ9:LNV38 LDU9:LDZ38 KTY9:KUD38 KKC9:KKH38 KAG9:KAL38 JQK9:JQP38 JGO9:JGT38 IWS9:IWX38 IMW9:INB38 IDA9:IDF38 HTE9:HTJ38 HJI9:HJN38 GZM9:GZR38 GPQ9:GPV38 GFU9:GFZ38 FVY9:FWD38 FMC9:FMH38 FCG9:FCL38 ESK9:ESP38 EIO9:EIT38 DYS9:DYX38 DOW9:DPB38 DFA9:DFF38 CVE9:CVJ38 CLI9:CLN38 CBM9:CBR38 BRQ9:BRV38 BHU9:BHZ38 AXY9:AYD38 AOC9:AOH38 AEG9:AEL38 UK9:UP38 KO9:KT38 WXG983079 WNK983079 WDO983079 VTS983079 VJW983079 VAA983079 UQE983079 UGI983079 TWM983079 TMQ983079 TCU983079 SSY983079 SJC983079 RZG983079 RPK983079 RFO983079 QVS983079 QLW983079 QCA983079 PSE983079 PII983079 OYM983079 OOQ983079 OEU983079 NUY983079 NLC983079 NBG983079 MRK983079 MHO983079 LXS983079 LNW983079 LEA983079 KUE983079 KKI983079 KAM983079 JQQ983079 JGU983079 IWY983079 INC983079 IDG983079 HTK983079 HJO983079 GZS983079 GPW983079 GGA983079 FWE983079 FMI983079 FCM983079 ESQ983079 EIU983079 DYY983079 DPC983079 DFG983079 CVK983079 CLO983079 CBS983079 BRW983079 BIA983079 AYE983079 AOI983079 AEM983079 UQ983079 KU983079 AY983079 WXG917543 WNK917543 WDO917543 VTS917543 VJW917543 VAA917543 UQE917543 UGI917543 TWM917543 TMQ917543 TCU917543 SSY917543 SJC917543 RZG917543 RPK917543 RFO917543 QVS917543 QLW917543 QCA917543 PSE917543 PII917543 OYM917543 OOQ917543 OEU917543 NUY917543 NLC917543 NBG917543 MRK917543 MHO917543 LXS917543 LNW917543 LEA917543 KUE917543 KKI917543 KAM917543 JQQ917543 JGU917543 IWY917543 INC917543 IDG917543 HTK917543 HJO917543 GZS917543 GPW917543 GGA917543 FWE917543 FMI917543 FCM917543 ESQ917543 EIU917543 DYY917543 DPC917543 DFG917543 CVK917543 CLO917543 CBS917543 BRW917543 BIA917543 AYE917543 AOI917543 AEM917543 UQ917543 KU917543 AY917543 WXG852007 WNK852007 WDO852007 VTS852007 VJW852007 VAA852007 UQE852007 UGI852007 TWM852007 TMQ852007 TCU852007 SSY852007 SJC852007 RZG852007 RPK852007 RFO852007 QVS852007 QLW852007 QCA852007 PSE852007 PII852007 OYM852007 OOQ852007 OEU852007 NUY852007 NLC852007 NBG852007 MRK852007 MHO852007 LXS852007 LNW852007 LEA852007 KUE852007 KKI852007 KAM852007 JQQ852007 JGU852007 IWY852007 INC852007 IDG852007 HTK852007 HJO852007 GZS852007 GPW852007 GGA852007 FWE852007 FMI852007 FCM852007 ESQ852007 EIU852007 DYY852007 DPC852007 DFG852007 CVK852007 CLO852007 CBS852007 BRW852007 BIA852007 AYE852007 AOI852007 AEM852007 UQ852007 KU852007 AY852007 WXG786471 WNK786471 WDO786471 VTS786471 VJW786471 VAA786471 UQE786471 UGI786471 TWM786471 TMQ786471 TCU786471 SSY786471 SJC786471 RZG786471 RPK786471 RFO786471 QVS786471 QLW786471 QCA786471 PSE786471 PII786471 OYM786471 OOQ786471 OEU786471 NUY786471 NLC786471 NBG786471 MRK786471 MHO786471 LXS786471 LNW786471 LEA786471 KUE786471 KKI786471 KAM786471 JQQ786471 JGU786471 IWY786471 INC786471 IDG786471 HTK786471 HJO786471 GZS786471 GPW786471 GGA786471 FWE786471 FMI786471 FCM786471 ESQ786471 EIU786471 DYY786471 DPC786471 DFG786471 CVK786471 CLO786471 CBS786471 BRW786471 BIA786471 AYE786471 AOI786471 AEM786471 UQ786471 KU786471 AY786471 WXG720935 WNK720935 WDO720935 VTS720935 VJW720935 VAA720935 UQE720935 UGI720935 TWM720935 TMQ720935 TCU720935 SSY720935 SJC720935 RZG720935 RPK720935 RFO720935 QVS720935 QLW720935 QCA720935 PSE720935 PII720935 OYM720935 OOQ720935 OEU720935 NUY720935 NLC720935 NBG720935 MRK720935 MHO720935 LXS720935 LNW720935 LEA720935 KUE720935 KKI720935 KAM720935 JQQ720935 JGU720935 IWY720935 INC720935 IDG720935 HTK720935 HJO720935 GZS720935 GPW720935 GGA720935 FWE720935 FMI720935 FCM720935 ESQ720935 EIU720935 DYY720935 DPC720935 DFG720935 CVK720935 CLO720935 CBS720935 BRW720935 BIA720935 AYE720935 AOI720935 AEM720935 UQ720935 KU720935 AY720935 WXG655399 WNK655399 WDO655399 VTS655399 VJW655399 VAA655399 UQE655399 UGI655399 TWM655399 TMQ655399 TCU655399 SSY655399 SJC655399 RZG655399 RPK655399 RFO655399 QVS655399 QLW655399 QCA655399 PSE655399 PII655399 OYM655399 OOQ655399 OEU655399 NUY655399 NLC655399 NBG655399 MRK655399 MHO655399 LXS655399 LNW655399 LEA655399 KUE655399 KKI655399 KAM655399 JQQ655399 JGU655399 IWY655399 INC655399 IDG655399 HTK655399 HJO655399 GZS655399 GPW655399 GGA655399 FWE655399 FMI655399 FCM655399 ESQ655399 EIU655399 DYY655399 DPC655399 DFG655399 CVK655399 CLO655399 CBS655399 BRW655399 BIA655399 AYE655399 AOI655399 AEM655399 UQ655399 KU655399 AY655399 WXG589863 WNK589863 WDO589863 VTS589863 VJW589863 VAA589863 UQE589863 UGI589863 TWM589863 TMQ589863 TCU589863 SSY589863 SJC589863 RZG589863 RPK589863 RFO589863 QVS589863 QLW589863 QCA589863 PSE589863 PII589863 OYM589863 OOQ589863 OEU589863 NUY589863 NLC589863 NBG589863 MRK589863 MHO589863 LXS589863 LNW589863 LEA589863 KUE589863 KKI589863 KAM589863 JQQ589863 JGU589863 IWY589863 INC589863 IDG589863 HTK589863 HJO589863 GZS589863 GPW589863 GGA589863 FWE589863 FMI589863 FCM589863 ESQ589863 EIU589863 DYY589863 DPC589863 DFG589863 CVK589863 CLO589863 CBS589863 BRW589863 BIA589863 AYE589863 AOI589863 AEM589863 UQ589863 KU589863 AY589863 WXG524327 WNK524327 WDO524327 VTS524327 VJW524327 VAA524327 UQE524327 UGI524327 TWM524327 TMQ524327 TCU524327 SSY524327 SJC524327 RZG524327 RPK524327 RFO524327 QVS524327 QLW524327 QCA524327 PSE524327 PII524327 OYM524327 OOQ524327 OEU524327 NUY524327 NLC524327 NBG524327 MRK524327 MHO524327 LXS524327 LNW524327 LEA524327 KUE524327 KKI524327 KAM524327 JQQ524327 JGU524327 IWY524327 INC524327 IDG524327 HTK524327 HJO524327 GZS524327 GPW524327 GGA524327 FWE524327 FMI524327 FCM524327 ESQ524327 EIU524327 DYY524327 DPC524327 DFG524327 CVK524327 CLO524327 CBS524327 BRW524327 BIA524327 AYE524327 AOI524327 AEM524327 UQ524327 KU524327 AY524327 WXG458791 WNK458791 WDO458791 VTS458791 VJW458791 VAA458791 UQE458791 UGI458791 TWM458791 TMQ458791 TCU458791 SSY458791 SJC458791 RZG458791 RPK458791 RFO458791 QVS458791 QLW458791 QCA458791 PSE458791 PII458791 OYM458791 OOQ458791 OEU458791 NUY458791 NLC458791 NBG458791 MRK458791 MHO458791 LXS458791 LNW458791 LEA458791 KUE458791 KKI458791 KAM458791 JQQ458791 JGU458791 IWY458791 INC458791 IDG458791 HTK458791 HJO458791 GZS458791 GPW458791 GGA458791 FWE458791 FMI458791 FCM458791 ESQ458791 EIU458791 DYY458791 DPC458791 DFG458791 CVK458791 CLO458791 CBS458791 BRW458791 BIA458791 AYE458791 AOI458791 AEM458791 UQ458791 KU458791 AY458791 WXG393255 WNK393255 WDO393255 VTS393255 VJW393255 VAA393255 UQE393255 UGI393255 TWM393255 TMQ393255 TCU393255 SSY393255 SJC393255 RZG393255 RPK393255 RFO393255 QVS393255 QLW393255 QCA393255 PSE393255 PII393255 OYM393255 OOQ393255 OEU393255 NUY393255 NLC393255 NBG393255 MRK393255 MHO393255 LXS393255 LNW393255 LEA393255 KUE393255 KKI393255 KAM393255 JQQ393255 JGU393255 IWY393255 INC393255 IDG393255 HTK393255 HJO393255 GZS393255 GPW393255 GGA393255 FWE393255 FMI393255 FCM393255 ESQ393255 EIU393255 DYY393255 DPC393255 DFG393255 CVK393255 CLO393255 CBS393255 BRW393255 BIA393255 AYE393255 AOI393255 AEM393255 UQ393255 KU393255 AY393255 WXG327719 WNK327719 WDO327719 VTS327719 VJW327719 VAA327719 UQE327719 UGI327719 TWM327719 TMQ327719 TCU327719 SSY327719 SJC327719 RZG327719 RPK327719 RFO327719 QVS327719 QLW327719 QCA327719 PSE327719 PII327719 OYM327719 OOQ327719 OEU327719 NUY327719 NLC327719 NBG327719 MRK327719 MHO327719 LXS327719 LNW327719 LEA327719 KUE327719 KKI327719 KAM327719 JQQ327719 JGU327719 IWY327719 INC327719 IDG327719 HTK327719 HJO327719 GZS327719 GPW327719 GGA327719 FWE327719 FMI327719 FCM327719 ESQ327719 EIU327719 DYY327719 DPC327719 DFG327719 CVK327719 CLO327719 CBS327719 BRW327719 BIA327719 AYE327719 AOI327719 AEM327719 UQ327719 KU327719 AY327719 WXG262183 WNK262183 WDO262183 VTS262183 VJW262183 VAA262183 UQE262183 UGI262183 TWM262183 TMQ262183 TCU262183 SSY262183 SJC262183 RZG262183 RPK262183 RFO262183 QVS262183 QLW262183 QCA262183 PSE262183 PII262183 OYM262183 OOQ262183 OEU262183 NUY262183 NLC262183 NBG262183 MRK262183 MHO262183 LXS262183 LNW262183 LEA262183 KUE262183 KKI262183 KAM262183 JQQ262183 JGU262183 IWY262183 INC262183 IDG262183 HTK262183 HJO262183 GZS262183 GPW262183 GGA262183 FWE262183 FMI262183 FCM262183 ESQ262183 EIU262183 DYY262183 DPC262183 DFG262183 CVK262183 CLO262183 CBS262183 BRW262183 BIA262183 AYE262183 AOI262183 AEM262183 UQ262183 KU262183 AY262183 WXG196647 WNK196647 WDO196647 VTS196647 VJW196647 VAA196647 UQE196647 UGI196647 TWM196647 TMQ196647 TCU196647 SSY196647 SJC196647 RZG196647 RPK196647 RFO196647 QVS196647 QLW196647 QCA196647 PSE196647 PII196647 OYM196647 OOQ196647 OEU196647 NUY196647 NLC196647 NBG196647 MRK196647 MHO196647 LXS196647 LNW196647 LEA196647 KUE196647 KKI196647 KAM196647 JQQ196647 JGU196647 IWY196647 INC196647 IDG196647 HTK196647 HJO196647 GZS196647 GPW196647 GGA196647 FWE196647 FMI196647 FCM196647 ESQ196647 EIU196647 DYY196647 DPC196647 DFG196647 CVK196647 CLO196647 CBS196647 BRW196647 BIA196647 AYE196647 AOI196647 AEM196647 UQ196647 KU196647 AY196647 WXG131111 WNK131111 WDO131111 VTS131111 VJW131111 VAA131111 UQE131111 UGI131111 TWM131111 TMQ131111 TCU131111 SSY131111 SJC131111 RZG131111 RPK131111 RFO131111 QVS131111 QLW131111 QCA131111 PSE131111 PII131111 OYM131111 OOQ131111 OEU131111 NUY131111 NLC131111 NBG131111 MRK131111 MHO131111 LXS131111 LNW131111 LEA131111 KUE131111 KKI131111 KAM131111 JQQ131111 JGU131111 IWY131111 INC131111 IDG131111 HTK131111 HJO131111 GZS131111 GPW131111 GGA131111 FWE131111 FMI131111 FCM131111 ESQ131111 EIU131111 DYY131111 DPC131111 DFG131111 CVK131111 CLO131111 CBS131111 BRW131111 BIA131111 AYE131111 AOI131111 AEM131111 UQ131111 KU131111 AY131111 WXG65575 WNK65575 WDO65575 VTS65575 VJW65575 VAA65575 UQE65575 UGI65575 TWM65575 TMQ65575 TCU65575 SSY65575 SJC65575 RZG65575 RPK65575 RFO65575 QVS65575 QLW65575 QCA65575 PSE65575 PII65575 OYM65575 OOQ65575 OEU65575 NUY65575 NLC65575 NBG65575 MRK65575 MHO65575 LXS65575 LNW65575 LEA65575 KUE65575 KKI65575 KAM65575 JQQ65575 JGU65575 IWY65575 INC65575 IDG65575 HTK65575 HJO65575 GZS65575 GPW65575 GGA65575 FWE65575 FMI65575 FCM65575 ESQ65575 EIU65575 DYY65575 DPC65575 DFG65575 CVK65575 CLO65575 CBS65575 BRW65575 BIA65575 AYE65575 AOI65575 AEM65575 UQ65575 KU65575 AY65575 WXG43 WNK43 WDO43 VTS43 VJW43 VAA43 UQE43 UGI43 TWM43 TMQ43 TCU43 SSY43 SJC43 RZG43 RPK43 RFO43 QVS43 QLW43 QCA43 PSE43 PII43 OYM43 OOQ43 OEU43 NUY43 NLC43 NBG43 MRK43 MHO43 LXS43 LNW43 LEA43 KUE43 KKI43 KAM43 JQQ43 JGU43 IWY43 INC43 IDG43 HTK43 HJO43 GZS43 GPW43 GGA43 FWE43 FMI43 FCM43 ESQ43 EIU43 DYY43 DPC43 DFG43 CVK43 CLO43 CBS43 BRW43 BIA43 AYE43 AOI43 AEM43 UQ43 KU43 WWT983077:WWY983104 WMX983077:WNC983104 WDB983077:WDG983104 VTF983077:VTK983104 VJJ983077:VJO983104 UZN983077:UZS983104 UPR983077:UPW983104 UFV983077:UGA983104 TVZ983077:TWE983104 TMD983077:TMI983104 TCH983077:TCM983104 SSL983077:SSQ983104 SIP983077:SIU983104 RYT983077:RYY983104 ROX983077:RPC983104 RFB983077:RFG983104 QVF983077:QVK983104 QLJ983077:QLO983104 QBN983077:QBS983104 PRR983077:PRW983104 PHV983077:PIA983104 OXZ983077:OYE983104 OOD983077:OOI983104 OEH983077:OEM983104 NUL983077:NUQ983104 NKP983077:NKU983104 NAT983077:NAY983104 MQX983077:MRC983104 MHB983077:MHG983104 LXF983077:LXK983104 LNJ983077:LNO983104 LDN983077:LDS983104 KTR983077:KTW983104 KJV983077:KKA983104 JZZ983077:KAE983104 JQD983077:JQI983104 JGH983077:JGM983104 IWL983077:IWQ983104 IMP983077:IMU983104 ICT983077:ICY983104 HSX983077:HTC983104 HJB983077:HJG983104 GZF983077:GZK983104 GPJ983077:GPO983104 GFN983077:GFS983104 FVR983077:FVW983104 FLV983077:FMA983104 FBZ983077:FCE983104 ESD983077:ESI983104 EIH983077:EIM983104 DYL983077:DYQ983104 DOP983077:DOU983104 DET983077:DEY983104 CUX983077:CVC983104 CLB983077:CLG983104 CBF983077:CBK983104 BRJ983077:BRO983104 BHN983077:BHS983104 AXR983077:AXW983104 ANV983077:AOA983104 ADZ983077:AEE983104 UD983077:UI983104 KH983077:KM983104 AH983077:AO983104 WWT917541:WWY917568 WMX917541:WNC917568 WDB917541:WDG917568 VTF917541:VTK917568 VJJ917541:VJO917568 UZN917541:UZS917568 UPR917541:UPW917568 UFV917541:UGA917568 TVZ917541:TWE917568 TMD917541:TMI917568 TCH917541:TCM917568 SSL917541:SSQ917568 SIP917541:SIU917568 RYT917541:RYY917568 ROX917541:RPC917568 RFB917541:RFG917568 QVF917541:QVK917568 QLJ917541:QLO917568 QBN917541:QBS917568 PRR917541:PRW917568 PHV917541:PIA917568 OXZ917541:OYE917568 OOD917541:OOI917568 OEH917541:OEM917568 NUL917541:NUQ917568 NKP917541:NKU917568 NAT917541:NAY917568 MQX917541:MRC917568 MHB917541:MHG917568 LXF917541:LXK917568 LNJ917541:LNO917568 LDN917541:LDS917568 KTR917541:KTW917568 KJV917541:KKA917568 JZZ917541:KAE917568 JQD917541:JQI917568 JGH917541:JGM917568 IWL917541:IWQ917568 IMP917541:IMU917568 ICT917541:ICY917568 HSX917541:HTC917568 HJB917541:HJG917568 GZF917541:GZK917568 GPJ917541:GPO917568 GFN917541:GFS917568 FVR917541:FVW917568 FLV917541:FMA917568 FBZ917541:FCE917568 ESD917541:ESI917568 EIH917541:EIM917568 DYL917541:DYQ917568 DOP917541:DOU917568 DET917541:DEY917568 CUX917541:CVC917568 CLB917541:CLG917568 CBF917541:CBK917568 BRJ917541:BRO917568 BHN917541:BHS917568 AXR917541:AXW917568 ANV917541:AOA917568 ADZ917541:AEE917568 UD917541:UI917568 KH917541:KM917568 AH917541:AO917568 WWT852005:WWY852032 WMX852005:WNC852032 WDB852005:WDG852032 VTF852005:VTK852032 VJJ852005:VJO852032 UZN852005:UZS852032 UPR852005:UPW852032 UFV852005:UGA852032 TVZ852005:TWE852032 TMD852005:TMI852032 TCH852005:TCM852032 SSL852005:SSQ852032 SIP852005:SIU852032 RYT852005:RYY852032 ROX852005:RPC852032 RFB852005:RFG852032 QVF852005:QVK852032 QLJ852005:QLO852032 QBN852005:QBS852032 PRR852005:PRW852032 PHV852005:PIA852032 OXZ852005:OYE852032 OOD852005:OOI852032 OEH852005:OEM852032 NUL852005:NUQ852032 NKP852005:NKU852032 NAT852005:NAY852032 MQX852005:MRC852032 MHB852005:MHG852032 LXF852005:LXK852032 LNJ852005:LNO852032 LDN852005:LDS852032 KTR852005:KTW852032 KJV852005:KKA852032 JZZ852005:KAE852032 JQD852005:JQI852032 JGH852005:JGM852032 IWL852005:IWQ852032 IMP852005:IMU852032 ICT852005:ICY852032 HSX852005:HTC852032 HJB852005:HJG852032 GZF852005:GZK852032 GPJ852005:GPO852032 GFN852005:GFS852032 FVR852005:FVW852032 FLV852005:FMA852032 FBZ852005:FCE852032 ESD852005:ESI852032 EIH852005:EIM852032 DYL852005:DYQ852032 DOP852005:DOU852032 DET852005:DEY852032 CUX852005:CVC852032 CLB852005:CLG852032 CBF852005:CBK852032 BRJ852005:BRO852032 BHN852005:BHS852032 AXR852005:AXW852032 ANV852005:AOA852032 ADZ852005:AEE852032 UD852005:UI852032 KH852005:KM852032 AH852005:AO852032 WWT786469:WWY786496 WMX786469:WNC786496 WDB786469:WDG786496 VTF786469:VTK786496 VJJ786469:VJO786496 UZN786469:UZS786496 UPR786469:UPW786496 UFV786469:UGA786496 TVZ786469:TWE786496 TMD786469:TMI786496 TCH786469:TCM786496 SSL786469:SSQ786496 SIP786469:SIU786496 RYT786469:RYY786496 ROX786469:RPC786496 RFB786469:RFG786496 QVF786469:QVK786496 QLJ786469:QLO786496 QBN786469:QBS786496 PRR786469:PRW786496 PHV786469:PIA786496 OXZ786469:OYE786496 OOD786469:OOI786496 OEH786469:OEM786496 NUL786469:NUQ786496 NKP786469:NKU786496 NAT786469:NAY786496 MQX786469:MRC786496 MHB786469:MHG786496 LXF786469:LXK786496 LNJ786469:LNO786496 LDN786469:LDS786496 KTR786469:KTW786496 KJV786469:KKA786496 JZZ786469:KAE786496 JQD786469:JQI786496 JGH786469:JGM786496 IWL786469:IWQ786496 IMP786469:IMU786496 ICT786469:ICY786496 HSX786469:HTC786496 HJB786469:HJG786496 GZF786469:GZK786496 GPJ786469:GPO786496 GFN786469:GFS786496 FVR786469:FVW786496 FLV786469:FMA786496 FBZ786469:FCE786496 ESD786469:ESI786496 EIH786469:EIM786496 DYL786469:DYQ786496 DOP786469:DOU786496 DET786469:DEY786496 CUX786469:CVC786496 CLB786469:CLG786496 CBF786469:CBK786496 BRJ786469:BRO786496 BHN786469:BHS786496 AXR786469:AXW786496 ANV786469:AOA786496 ADZ786469:AEE786496 UD786469:UI786496 KH786469:KM786496 AH786469:AO786496 WWT720933:WWY720960 WMX720933:WNC720960 WDB720933:WDG720960 VTF720933:VTK720960 VJJ720933:VJO720960 UZN720933:UZS720960 UPR720933:UPW720960 UFV720933:UGA720960 TVZ720933:TWE720960 TMD720933:TMI720960 TCH720933:TCM720960 SSL720933:SSQ720960 SIP720933:SIU720960 RYT720933:RYY720960 ROX720933:RPC720960 RFB720933:RFG720960 QVF720933:QVK720960 QLJ720933:QLO720960 QBN720933:QBS720960 PRR720933:PRW720960 PHV720933:PIA720960 OXZ720933:OYE720960 OOD720933:OOI720960 OEH720933:OEM720960 NUL720933:NUQ720960 NKP720933:NKU720960 NAT720933:NAY720960 MQX720933:MRC720960 MHB720933:MHG720960 LXF720933:LXK720960 LNJ720933:LNO720960 LDN720933:LDS720960 KTR720933:KTW720960 KJV720933:KKA720960 JZZ720933:KAE720960 JQD720933:JQI720960 JGH720933:JGM720960 IWL720933:IWQ720960 IMP720933:IMU720960 ICT720933:ICY720960 HSX720933:HTC720960 HJB720933:HJG720960 GZF720933:GZK720960 GPJ720933:GPO720960 GFN720933:GFS720960 FVR720933:FVW720960 FLV720933:FMA720960 FBZ720933:FCE720960 ESD720933:ESI720960 EIH720933:EIM720960 DYL720933:DYQ720960 DOP720933:DOU720960 DET720933:DEY720960 CUX720933:CVC720960 CLB720933:CLG720960 CBF720933:CBK720960 BRJ720933:BRO720960 BHN720933:BHS720960 AXR720933:AXW720960 ANV720933:AOA720960 ADZ720933:AEE720960 UD720933:UI720960 KH720933:KM720960 AH720933:AO720960 WWT655397:WWY655424 WMX655397:WNC655424 WDB655397:WDG655424 VTF655397:VTK655424 VJJ655397:VJO655424 UZN655397:UZS655424 UPR655397:UPW655424 UFV655397:UGA655424 TVZ655397:TWE655424 TMD655397:TMI655424 TCH655397:TCM655424 SSL655397:SSQ655424 SIP655397:SIU655424 RYT655397:RYY655424 ROX655397:RPC655424 RFB655397:RFG655424 QVF655397:QVK655424 QLJ655397:QLO655424 QBN655397:QBS655424 PRR655397:PRW655424 PHV655397:PIA655424 OXZ655397:OYE655424 OOD655397:OOI655424 OEH655397:OEM655424 NUL655397:NUQ655424 NKP655397:NKU655424 NAT655397:NAY655424 MQX655397:MRC655424 MHB655397:MHG655424 LXF655397:LXK655424 LNJ655397:LNO655424 LDN655397:LDS655424 KTR655397:KTW655424 KJV655397:KKA655424 JZZ655397:KAE655424 JQD655397:JQI655424 JGH655397:JGM655424 IWL655397:IWQ655424 IMP655397:IMU655424 ICT655397:ICY655424 HSX655397:HTC655424 HJB655397:HJG655424 GZF655397:GZK655424 GPJ655397:GPO655424 GFN655397:GFS655424 FVR655397:FVW655424 FLV655397:FMA655424 FBZ655397:FCE655424 ESD655397:ESI655424 EIH655397:EIM655424 DYL655397:DYQ655424 DOP655397:DOU655424 DET655397:DEY655424 CUX655397:CVC655424 CLB655397:CLG655424 CBF655397:CBK655424 BRJ655397:BRO655424 BHN655397:BHS655424 AXR655397:AXW655424 ANV655397:AOA655424 ADZ655397:AEE655424 UD655397:UI655424 KH655397:KM655424 AH655397:AO655424 WWT589861:WWY589888 WMX589861:WNC589888 WDB589861:WDG589888 VTF589861:VTK589888 VJJ589861:VJO589888 UZN589861:UZS589888 UPR589861:UPW589888 UFV589861:UGA589888 TVZ589861:TWE589888 TMD589861:TMI589888 TCH589861:TCM589888 SSL589861:SSQ589888 SIP589861:SIU589888 RYT589861:RYY589888 ROX589861:RPC589888 RFB589861:RFG589888 QVF589861:QVK589888 QLJ589861:QLO589888 QBN589861:QBS589888 PRR589861:PRW589888 PHV589861:PIA589888 OXZ589861:OYE589888 OOD589861:OOI589888 OEH589861:OEM589888 NUL589861:NUQ589888 NKP589861:NKU589888 NAT589861:NAY589888 MQX589861:MRC589888 MHB589861:MHG589888 LXF589861:LXK589888 LNJ589861:LNO589888 LDN589861:LDS589888 KTR589861:KTW589888 KJV589861:KKA589888 JZZ589861:KAE589888 JQD589861:JQI589888 JGH589861:JGM589888 IWL589861:IWQ589888 IMP589861:IMU589888 ICT589861:ICY589888 HSX589861:HTC589888 HJB589861:HJG589888 GZF589861:GZK589888 GPJ589861:GPO589888 GFN589861:GFS589888 FVR589861:FVW589888 FLV589861:FMA589888 FBZ589861:FCE589888 ESD589861:ESI589888 EIH589861:EIM589888 DYL589861:DYQ589888 DOP589861:DOU589888 DET589861:DEY589888 CUX589861:CVC589888 CLB589861:CLG589888 CBF589861:CBK589888 BRJ589861:BRO589888 BHN589861:BHS589888 AXR589861:AXW589888 ANV589861:AOA589888 ADZ589861:AEE589888 UD589861:UI589888 KH589861:KM589888 AH589861:AO589888 WWT524325:WWY524352 WMX524325:WNC524352 WDB524325:WDG524352 VTF524325:VTK524352 VJJ524325:VJO524352 UZN524325:UZS524352 UPR524325:UPW524352 UFV524325:UGA524352 TVZ524325:TWE524352 TMD524325:TMI524352 TCH524325:TCM524352 SSL524325:SSQ524352 SIP524325:SIU524352 RYT524325:RYY524352 ROX524325:RPC524352 RFB524325:RFG524352 QVF524325:QVK524352 QLJ524325:QLO524352 QBN524325:QBS524352 PRR524325:PRW524352 PHV524325:PIA524352 OXZ524325:OYE524352 OOD524325:OOI524352 OEH524325:OEM524352 NUL524325:NUQ524352 NKP524325:NKU524352 NAT524325:NAY524352 MQX524325:MRC524352 MHB524325:MHG524352 LXF524325:LXK524352 LNJ524325:LNO524352 LDN524325:LDS524352 KTR524325:KTW524352 KJV524325:KKA524352 JZZ524325:KAE524352 JQD524325:JQI524352 JGH524325:JGM524352 IWL524325:IWQ524352 IMP524325:IMU524352 ICT524325:ICY524352 HSX524325:HTC524352 HJB524325:HJG524352 GZF524325:GZK524352 GPJ524325:GPO524352 GFN524325:GFS524352 FVR524325:FVW524352 FLV524325:FMA524352 FBZ524325:FCE524352 ESD524325:ESI524352 EIH524325:EIM524352 DYL524325:DYQ524352 DOP524325:DOU524352 DET524325:DEY524352 CUX524325:CVC524352 CLB524325:CLG524352 CBF524325:CBK524352 BRJ524325:BRO524352 BHN524325:BHS524352 AXR524325:AXW524352 ANV524325:AOA524352 ADZ524325:AEE524352 UD524325:UI524352 KH524325:KM524352 AH524325:AO524352 WWT458789:WWY458816 WMX458789:WNC458816 WDB458789:WDG458816 VTF458789:VTK458816 VJJ458789:VJO458816 UZN458789:UZS458816 UPR458789:UPW458816 UFV458789:UGA458816 TVZ458789:TWE458816 TMD458789:TMI458816 TCH458789:TCM458816 SSL458789:SSQ458816 SIP458789:SIU458816 RYT458789:RYY458816 ROX458789:RPC458816 RFB458789:RFG458816 QVF458789:QVK458816 QLJ458789:QLO458816 QBN458789:QBS458816 PRR458789:PRW458816 PHV458789:PIA458816 OXZ458789:OYE458816 OOD458789:OOI458816 OEH458789:OEM458816 NUL458789:NUQ458816 NKP458789:NKU458816 NAT458789:NAY458816 MQX458789:MRC458816 MHB458789:MHG458816 LXF458789:LXK458816 LNJ458789:LNO458816 LDN458789:LDS458816 KTR458789:KTW458816 KJV458789:KKA458816 JZZ458789:KAE458816 JQD458789:JQI458816 JGH458789:JGM458816 IWL458789:IWQ458816 IMP458789:IMU458816 ICT458789:ICY458816 HSX458789:HTC458816 HJB458789:HJG458816 GZF458789:GZK458816 GPJ458789:GPO458816 GFN458789:GFS458816 FVR458789:FVW458816 FLV458789:FMA458816 FBZ458789:FCE458816 ESD458789:ESI458816 EIH458789:EIM458816 DYL458789:DYQ458816 DOP458789:DOU458816 DET458789:DEY458816 CUX458789:CVC458816 CLB458789:CLG458816 CBF458789:CBK458816 BRJ458789:BRO458816 BHN458789:BHS458816 AXR458789:AXW458816 ANV458789:AOA458816 ADZ458789:AEE458816 UD458789:UI458816 KH458789:KM458816 AH458789:AO458816 WWT393253:WWY393280 WMX393253:WNC393280 WDB393253:WDG393280 VTF393253:VTK393280 VJJ393253:VJO393280 UZN393253:UZS393280 UPR393253:UPW393280 UFV393253:UGA393280 TVZ393253:TWE393280 TMD393253:TMI393280 TCH393253:TCM393280 SSL393253:SSQ393280 SIP393253:SIU393280 RYT393253:RYY393280 ROX393253:RPC393280 RFB393253:RFG393280 QVF393253:QVK393280 QLJ393253:QLO393280 QBN393253:QBS393280 PRR393253:PRW393280 PHV393253:PIA393280 OXZ393253:OYE393280 OOD393253:OOI393280 OEH393253:OEM393280 NUL393253:NUQ393280 NKP393253:NKU393280 NAT393253:NAY393280 MQX393253:MRC393280 MHB393253:MHG393280 LXF393253:LXK393280 LNJ393253:LNO393280 LDN393253:LDS393280 KTR393253:KTW393280 KJV393253:KKA393280 JZZ393253:KAE393280 JQD393253:JQI393280 JGH393253:JGM393280 IWL393253:IWQ393280 IMP393253:IMU393280 ICT393253:ICY393280 HSX393253:HTC393280 HJB393253:HJG393280 GZF393253:GZK393280 GPJ393253:GPO393280 GFN393253:GFS393280 FVR393253:FVW393280 FLV393253:FMA393280 FBZ393253:FCE393280 ESD393253:ESI393280 EIH393253:EIM393280 DYL393253:DYQ393280 DOP393253:DOU393280 DET393253:DEY393280 CUX393253:CVC393280 CLB393253:CLG393280 CBF393253:CBK393280 BRJ393253:BRO393280 BHN393253:BHS393280 AXR393253:AXW393280 ANV393253:AOA393280 ADZ393253:AEE393280 UD393253:UI393280 KH393253:KM393280 AH393253:AO393280 WWT327717:WWY327744 WMX327717:WNC327744 WDB327717:WDG327744 VTF327717:VTK327744 VJJ327717:VJO327744 UZN327717:UZS327744 UPR327717:UPW327744 UFV327717:UGA327744 TVZ327717:TWE327744 TMD327717:TMI327744 TCH327717:TCM327744 SSL327717:SSQ327744 SIP327717:SIU327744 RYT327717:RYY327744 ROX327717:RPC327744 RFB327717:RFG327744 QVF327717:QVK327744 QLJ327717:QLO327744 QBN327717:QBS327744 PRR327717:PRW327744 PHV327717:PIA327744 OXZ327717:OYE327744 OOD327717:OOI327744 OEH327717:OEM327744 NUL327717:NUQ327744 NKP327717:NKU327744 NAT327717:NAY327744 MQX327717:MRC327744 MHB327717:MHG327744 LXF327717:LXK327744 LNJ327717:LNO327744 LDN327717:LDS327744 KTR327717:KTW327744 KJV327717:KKA327744 JZZ327717:KAE327744 JQD327717:JQI327744 JGH327717:JGM327744 IWL327717:IWQ327744 IMP327717:IMU327744 ICT327717:ICY327744 HSX327717:HTC327744 HJB327717:HJG327744 GZF327717:GZK327744 GPJ327717:GPO327744 GFN327717:GFS327744 FVR327717:FVW327744 FLV327717:FMA327744 FBZ327717:FCE327744 ESD327717:ESI327744 EIH327717:EIM327744 DYL327717:DYQ327744 DOP327717:DOU327744 DET327717:DEY327744 CUX327717:CVC327744 CLB327717:CLG327744 CBF327717:CBK327744 BRJ327717:BRO327744 BHN327717:BHS327744 AXR327717:AXW327744 ANV327717:AOA327744 ADZ327717:AEE327744 UD327717:UI327744 KH327717:KM327744 AH327717:AO327744 WWT262181:WWY262208 WMX262181:WNC262208 WDB262181:WDG262208 VTF262181:VTK262208 VJJ262181:VJO262208 UZN262181:UZS262208 UPR262181:UPW262208 UFV262181:UGA262208 TVZ262181:TWE262208 TMD262181:TMI262208 TCH262181:TCM262208 SSL262181:SSQ262208 SIP262181:SIU262208 RYT262181:RYY262208 ROX262181:RPC262208 RFB262181:RFG262208 QVF262181:QVK262208 QLJ262181:QLO262208 QBN262181:QBS262208 PRR262181:PRW262208 PHV262181:PIA262208 OXZ262181:OYE262208 OOD262181:OOI262208 OEH262181:OEM262208 NUL262181:NUQ262208 NKP262181:NKU262208 NAT262181:NAY262208 MQX262181:MRC262208 MHB262181:MHG262208 LXF262181:LXK262208 LNJ262181:LNO262208 LDN262181:LDS262208 KTR262181:KTW262208 KJV262181:KKA262208 JZZ262181:KAE262208 JQD262181:JQI262208 JGH262181:JGM262208 IWL262181:IWQ262208 IMP262181:IMU262208 ICT262181:ICY262208 HSX262181:HTC262208 HJB262181:HJG262208 GZF262181:GZK262208 GPJ262181:GPO262208 GFN262181:GFS262208 FVR262181:FVW262208 FLV262181:FMA262208 FBZ262181:FCE262208 ESD262181:ESI262208 EIH262181:EIM262208 DYL262181:DYQ262208 DOP262181:DOU262208 DET262181:DEY262208 CUX262181:CVC262208 CLB262181:CLG262208 CBF262181:CBK262208 BRJ262181:BRO262208 BHN262181:BHS262208 AXR262181:AXW262208 ANV262181:AOA262208 ADZ262181:AEE262208 UD262181:UI262208 KH262181:KM262208 AH262181:AO262208 WWT196645:WWY196672 WMX196645:WNC196672 WDB196645:WDG196672 VTF196645:VTK196672 VJJ196645:VJO196672 UZN196645:UZS196672 UPR196645:UPW196672 UFV196645:UGA196672 TVZ196645:TWE196672 TMD196645:TMI196672 TCH196645:TCM196672 SSL196645:SSQ196672 SIP196645:SIU196672 RYT196645:RYY196672 ROX196645:RPC196672 RFB196645:RFG196672 QVF196645:QVK196672 QLJ196645:QLO196672 QBN196645:QBS196672 PRR196645:PRW196672 PHV196645:PIA196672 OXZ196645:OYE196672 OOD196645:OOI196672 OEH196645:OEM196672 NUL196645:NUQ196672 NKP196645:NKU196672 NAT196645:NAY196672 MQX196645:MRC196672 MHB196645:MHG196672 LXF196645:LXK196672 LNJ196645:LNO196672 LDN196645:LDS196672 KTR196645:KTW196672 KJV196645:KKA196672 JZZ196645:KAE196672 JQD196645:JQI196672 JGH196645:JGM196672 IWL196645:IWQ196672 IMP196645:IMU196672 ICT196645:ICY196672 HSX196645:HTC196672 HJB196645:HJG196672 GZF196645:GZK196672 GPJ196645:GPO196672 GFN196645:GFS196672 FVR196645:FVW196672 FLV196645:FMA196672 FBZ196645:FCE196672 ESD196645:ESI196672 EIH196645:EIM196672 DYL196645:DYQ196672 DOP196645:DOU196672 DET196645:DEY196672 CUX196645:CVC196672 CLB196645:CLG196672 CBF196645:CBK196672 BRJ196645:BRO196672 BHN196645:BHS196672 AXR196645:AXW196672 ANV196645:AOA196672 ADZ196645:AEE196672 UD196645:UI196672 KH196645:KM196672 AH196645:AO196672 WWT131109:WWY131136 WMX131109:WNC131136 WDB131109:WDG131136 VTF131109:VTK131136 VJJ131109:VJO131136 UZN131109:UZS131136 UPR131109:UPW131136 UFV131109:UGA131136 TVZ131109:TWE131136 TMD131109:TMI131136 TCH131109:TCM131136 SSL131109:SSQ131136 SIP131109:SIU131136 RYT131109:RYY131136 ROX131109:RPC131136 RFB131109:RFG131136 QVF131109:QVK131136 QLJ131109:QLO131136 QBN131109:QBS131136 PRR131109:PRW131136 PHV131109:PIA131136 OXZ131109:OYE131136 OOD131109:OOI131136 OEH131109:OEM131136 NUL131109:NUQ131136 NKP131109:NKU131136 NAT131109:NAY131136 MQX131109:MRC131136 MHB131109:MHG131136 LXF131109:LXK131136 LNJ131109:LNO131136 LDN131109:LDS131136 KTR131109:KTW131136 KJV131109:KKA131136 JZZ131109:KAE131136 JQD131109:JQI131136 JGH131109:JGM131136 IWL131109:IWQ131136 IMP131109:IMU131136 ICT131109:ICY131136 HSX131109:HTC131136 HJB131109:HJG131136 GZF131109:GZK131136 GPJ131109:GPO131136 GFN131109:GFS131136 FVR131109:FVW131136 FLV131109:FMA131136 FBZ131109:FCE131136 ESD131109:ESI131136 EIH131109:EIM131136 DYL131109:DYQ131136 DOP131109:DOU131136 DET131109:DEY131136 CUX131109:CVC131136 CLB131109:CLG131136 CBF131109:CBK131136 BRJ131109:BRO131136 BHN131109:BHS131136 AXR131109:AXW131136 ANV131109:AOA131136 ADZ131109:AEE131136 UD131109:UI131136 KH131109:KM131136 AH131109:AO131136 WWT65573:WWY65600 WMX65573:WNC65600 WDB65573:WDG65600 VTF65573:VTK65600 VJJ65573:VJO65600 UZN65573:UZS65600 UPR65573:UPW65600 UFV65573:UGA65600 TVZ65573:TWE65600 TMD65573:TMI65600 TCH65573:TCM65600 SSL65573:SSQ65600 SIP65573:SIU65600 RYT65573:RYY65600 ROX65573:RPC65600 RFB65573:RFG65600 QVF65573:QVK65600 QLJ65573:QLO65600 QBN65573:QBS65600 PRR65573:PRW65600 PHV65573:PIA65600 OXZ65573:OYE65600 OOD65573:OOI65600 OEH65573:OEM65600 NUL65573:NUQ65600 NKP65573:NKU65600 NAT65573:NAY65600 MQX65573:MRC65600 MHB65573:MHG65600 LXF65573:LXK65600 LNJ65573:LNO65600 LDN65573:LDS65600 KTR65573:KTW65600 KJV65573:KKA65600 JZZ65573:KAE65600 JQD65573:JQI65600 JGH65573:JGM65600 IWL65573:IWQ65600 IMP65573:IMU65600 ICT65573:ICY65600 HSX65573:HTC65600 HJB65573:HJG65600 GZF65573:GZK65600 GPJ65573:GPO65600 GFN65573:GFS65600 FVR65573:FVW65600 FLV65573:FMA65600 FBZ65573:FCE65600 ESD65573:ESI65600 EIH65573:EIM65600 DYL65573:DYQ65600 DOP65573:DOU65600 DET65573:DEY65600 CUX65573:CVC65600 CLB65573:CLG65600 CBF65573:CBK65600 BRJ65573:BRO65600 BHN65573:BHS65600 AXR65573:AXW65600 ANV65573:AOA65600 ADZ65573:AEE65600 UD65573:UI65600 KH65573:KM65600 AH65573:AO65600 WWT41:WWY68 WMX41:WNC68 WDB41:WDG68 VTF41:VTK68 VJJ41:VJO68 UZN41:UZS68 UPR41:UPW68 UFV41:UGA68 TVZ41:TWE68 TMD41:TMI68 TCH41:TCM68 SSL41:SSQ68 SIP41:SIU68 RYT41:RYY68 ROX41:RPC68 RFB41:RFG68 QVF41:QVK68 QLJ41:QLO68 QBN41:QBS68 PRR41:PRW68 PHV41:PIA68 OXZ41:OYE68 OOD41:OOI68 OEH41:OEM68 NUL41:NUQ68 NKP41:NKU68 NAT41:NAY68 MQX41:MRC68 MHB41:MHG68 LXF41:LXK68 LNJ41:LNO68 LDN41:LDS68 KTR41:KTW68 KJV41:KKA68 JZZ41:KAE68 JQD41:JQI68 JGH41:JGM68 IWL41:IWQ68 IMP41:IMU68 ICT41:ICY68 HSX41:HTC68 HJB41:HJG68 GZF41:GZK68 GPJ41:GPO68 GFN41:GFS68 FVR41:FVW68 FLV41:FMA68 FBZ41:FCE68 ESD41:ESI68 EIH41:EIM68 DYL41:DYQ68 DOP41:DOU68 DET41:DEY68 CUX41:CVC68 CLB41:CLG68 CBF41:CBK68 BRJ41:BRO68 BHN41:BHS68 AXR41:AXW68 ANV41:AOA68 ADZ41:AEE68 UD41:UI68 KH41:KM68 WWG983077:WWO983104 WMK983077:WMS983104 WCO983077:WCW983104 VSS983077:VTA983104 VIW983077:VJE983104 UZA983077:UZI983104 UPE983077:UPM983104 UFI983077:UFQ983104 TVM983077:TVU983104 TLQ983077:TLY983104 TBU983077:TCC983104 SRY983077:SSG983104 SIC983077:SIK983104 RYG983077:RYO983104 ROK983077:ROS983104 REO983077:REW983104 QUS983077:QVA983104 QKW983077:QLE983104 QBA983077:QBI983104 PRE983077:PRM983104 PHI983077:PHQ983104 OXM983077:OXU983104 ONQ983077:ONY983104 ODU983077:OEC983104 NTY983077:NUG983104 NKC983077:NKK983104 NAG983077:NAO983104 MQK983077:MQS983104 MGO983077:MGW983104 LWS983077:LXA983104 LMW983077:LNE983104 LDA983077:LDI983104 KTE983077:KTM983104 KJI983077:KJQ983104 JZM983077:JZU983104 JPQ983077:JPY983104 JFU983077:JGC983104 IVY983077:IWG983104 IMC983077:IMK983104 ICG983077:ICO983104 HSK983077:HSS983104 HIO983077:HIW983104 GYS983077:GZA983104 GOW983077:GPE983104 GFA983077:GFI983104 FVE983077:FVM983104 FLI983077:FLQ983104 FBM983077:FBU983104 ERQ983077:ERY983104 EHU983077:EIC983104 DXY983077:DYG983104 DOC983077:DOK983104 DEG983077:DEO983104 CUK983077:CUS983104 CKO983077:CKW983104 CAS983077:CBA983104 BQW983077:BRE983104 BHA983077:BHI983104 AXE983077:AXM983104 ANI983077:ANQ983104 ADM983077:ADU983104 TQ983077:TY983104 JU983077:KC983104 WWG917541:WWO917568 WMK917541:WMS917568 WCO917541:WCW917568 VSS917541:VTA917568 VIW917541:VJE917568 UZA917541:UZI917568 UPE917541:UPM917568 UFI917541:UFQ917568 TVM917541:TVU917568 TLQ917541:TLY917568 TBU917541:TCC917568 SRY917541:SSG917568 SIC917541:SIK917568 RYG917541:RYO917568 ROK917541:ROS917568 REO917541:REW917568 QUS917541:QVA917568 QKW917541:QLE917568 QBA917541:QBI917568 PRE917541:PRM917568 PHI917541:PHQ917568 OXM917541:OXU917568 ONQ917541:ONY917568 ODU917541:OEC917568 NTY917541:NUG917568 NKC917541:NKK917568 NAG917541:NAO917568 MQK917541:MQS917568 MGO917541:MGW917568 LWS917541:LXA917568 LMW917541:LNE917568 LDA917541:LDI917568 KTE917541:KTM917568 KJI917541:KJQ917568 JZM917541:JZU917568 JPQ917541:JPY917568 JFU917541:JGC917568 IVY917541:IWG917568 IMC917541:IMK917568 ICG917541:ICO917568 HSK917541:HSS917568 HIO917541:HIW917568 GYS917541:GZA917568 GOW917541:GPE917568 GFA917541:GFI917568 FVE917541:FVM917568 FLI917541:FLQ917568 FBM917541:FBU917568 ERQ917541:ERY917568 EHU917541:EIC917568 DXY917541:DYG917568 DOC917541:DOK917568 DEG917541:DEO917568 CUK917541:CUS917568 CKO917541:CKW917568 CAS917541:CBA917568 BQW917541:BRE917568 BHA917541:BHI917568 AXE917541:AXM917568 ANI917541:ANQ917568 ADM917541:ADU917568 TQ917541:TY917568 JU917541:KC917568 T983077:Z983104 WWG852005:WWO852032 WMK852005:WMS852032 WCO852005:WCW852032 VSS852005:VTA852032 VIW852005:VJE852032 UZA852005:UZI852032 UPE852005:UPM852032 UFI852005:UFQ852032 TVM852005:TVU852032 TLQ852005:TLY852032 TBU852005:TCC852032 SRY852005:SSG852032 SIC852005:SIK852032 RYG852005:RYO852032 ROK852005:ROS852032 REO852005:REW852032 QUS852005:QVA852032 QKW852005:QLE852032 QBA852005:QBI852032 PRE852005:PRM852032 PHI852005:PHQ852032 OXM852005:OXU852032 ONQ852005:ONY852032 ODU852005:OEC852032 NTY852005:NUG852032 NKC852005:NKK852032 NAG852005:NAO852032 MQK852005:MQS852032 MGO852005:MGW852032 LWS852005:LXA852032 LMW852005:LNE852032 LDA852005:LDI852032 KTE852005:KTM852032 KJI852005:KJQ852032 JZM852005:JZU852032 JPQ852005:JPY852032 JFU852005:JGC852032 IVY852005:IWG852032 IMC852005:IMK852032 ICG852005:ICO852032 HSK852005:HSS852032 HIO852005:HIW852032 GYS852005:GZA852032 GOW852005:GPE852032 GFA852005:GFI852032 FVE852005:FVM852032 FLI852005:FLQ852032 FBM852005:FBU852032 ERQ852005:ERY852032 EHU852005:EIC852032 DXY852005:DYG852032 DOC852005:DOK852032 DEG852005:DEO852032 CUK852005:CUS852032 CKO852005:CKW852032 CAS852005:CBA852032 BQW852005:BRE852032 BHA852005:BHI852032 AXE852005:AXM852032 ANI852005:ANQ852032 ADM852005:ADU852032 TQ852005:TY852032 JU852005:KC852032 T917541:Z917568 WWG786469:WWO786496 WMK786469:WMS786496 WCO786469:WCW786496 VSS786469:VTA786496 VIW786469:VJE786496 UZA786469:UZI786496 UPE786469:UPM786496 UFI786469:UFQ786496 TVM786469:TVU786496 TLQ786469:TLY786496 TBU786469:TCC786496 SRY786469:SSG786496 SIC786469:SIK786496 RYG786469:RYO786496 ROK786469:ROS786496 REO786469:REW786496 QUS786469:QVA786496 QKW786469:QLE786496 QBA786469:QBI786496 PRE786469:PRM786496 PHI786469:PHQ786496 OXM786469:OXU786496 ONQ786469:ONY786496 ODU786469:OEC786496 NTY786469:NUG786496 NKC786469:NKK786496 NAG786469:NAO786496 MQK786469:MQS786496 MGO786469:MGW786496 LWS786469:LXA786496 LMW786469:LNE786496 LDA786469:LDI786496 KTE786469:KTM786496 KJI786469:KJQ786496 JZM786469:JZU786496 JPQ786469:JPY786496 JFU786469:JGC786496 IVY786469:IWG786496 IMC786469:IMK786496 ICG786469:ICO786496 HSK786469:HSS786496 HIO786469:HIW786496 GYS786469:GZA786496 GOW786469:GPE786496 GFA786469:GFI786496 FVE786469:FVM786496 FLI786469:FLQ786496 FBM786469:FBU786496 ERQ786469:ERY786496 EHU786469:EIC786496 DXY786469:DYG786496 DOC786469:DOK786496 DEG786469:DEO786496 CUK786469:CUS786496 CKO786469:CKW786496 CAS786469:CBA786496 BQW786469:BRE786496 BHA786469:BHI786496 AXE786469:AXM786496 ANI786469:ANQ786496 ADM786469:ADU786496 TQ786469:TY786496 JU786469:KC786496 T852005:Z852032 WWG720933:WWO720960 WMK720933:WMS720960 WCO720933:WCW720960 VSS720933:VTA720960 VIW720933:VJE720960 UZA720933:UZI720960 UPE720933:UPM720960 UFI720933:UFQ720960 TVM720933:TVU720960 TLQ720933:TLY720960 TBU720933:TCC720960 SRY720933:SSG720960 SIC720933:SIK720960 RYG720933:RYO720960 ROK720933:ROS720960 REO720933:REW720960 QUS720933:QVA720960 QKW720933:QLE720960 QBA720933:QBI720960 PRE720933:PRM720960 PHI720933:PHQ720960 OXM720933:OXU720960 ONQ720933:ONY720960 ODU720933:OEC720960 NTY720933:NUG720960 NKC720933:NKK720960 NAG720933:NAO720960 MQK720933:MQS720960 MGO720933:MGW720960 LWS720933:LXA720960 LMW720933:LNE720960 LDA720933:LDI720960 KTE720933:KTM720960 KJI720933:KJQ720960 JZM720933:JZU720960 JPQ720933:JPY720960 JFU720933:JGC720960 IVY720933:IWG720960 IMC720933:IMK720960 ICG720933:ICO720960 HSK720933:HSS720960 HIO720933:HIW720960 GYS720933:GZA720960 GOW720933:GPE720960 GFA720933:GFI720960 FVE720933:FVM720960 FLI720933:FLQ720960 FBM720933:FBU720960 ERQ720933:ERY720960 EHU720933:EIC720960 DXY720933:DYG720960 DOC720933:DOK720960 DEG720933:DEO720960 CUK720933:CUS720960 CKO720933:CKW720960 CAS720933:CBA720960 BQW720933:BRE720960 BHA720933:BHI720960 AXE720933:AXM720960 ANI720933:ANQ720960 ADM720933:ADU720960 TQ720933:TY720960 JU720933:KC720960 T786469:Z786496 WWG655397:WWO655424 WMK655397:WMS655424 WCO655397:WCW655424 VSS655397:VTA655424 VIW655397:VJE655424 UZA655397:UZI655424 UPE655397:UPM655424 UFI655397:UFQ655424 TVM655397:TVU655424 TLQ655397:TLY655424 TBU655397:TCC655424 SRY655397:SSG655424 SIC655397:SIK655424 RYG655397:RYO655424 ROK655397:ROS655424 REO655397:REW655424 QUS655397:QVA655424 QKW655397:QLE655424 QBA655397:QBI655424 PRE655397:PRM655424 PHI655397:PHQ655424 OXM655397:OXU655424 ONQ655397:ONY655424 ODU655397:OEC655424 NTY655397:NUG655424 NKC655397:NKK655424 NAG655397:NAO655424 MQK655397:MQS655424 MGO655397:MGW655424 LWS655397:LXA655424 LMW655397:LNE655424 LDA655397:LDI655424 KTE655397:KTM655424 KJI655397:KJQ655424 JZM655397:JZU655424 JPQ655397:JPY655424 JFU655397:JGC655424 IVY655397:IWG655424 IMC655397:IMK655424 ICG655397:ICO655424 HSK655397:HSS655424 HIO655397:HIW655424 GYS655397:GZA655424 GOW655397:GPE655424 GFA655397:GFI655424 FVE655397:FVM655424 FLI655397:FLQ655424 FBM655397:FBU655424 ERQ655397:ERY655424 EHU655397:EIC655424 DXY655397:DYG655424 DOC655397:DOK655424 DEG655397:DEO655424 CUK655397:CUS655424 CKO655397:CKW655424 CAS655397:CBA655424 BQW655397:BRE655424 BHA655397:BHI655424 AXE655397:AXM655424 ANI655397:ANQ655424 ADM655397:ADU655424 TQ655397:TY655424 JU655397:KC655424 T720933:Z720960 WWG589861:WWO589888 WMK589861:WMS589888 WCO589861:WCW589888 VSS589861:VTA589888 VIW589861:VJE589888 UZA589861:UZI589888 UPE589861:UPM589888 UFI589861:UFQ589888 TVM589861:TVU589888 TLQ589861:TLY589888 TBU589861:TCC589888 SRY589861:SSG589888 SIC589861:SIK589888 RYG589861:RYO589888 ROK589861:ROS589888 REO589861:REW589888 QUS589861:QVA589888 QKW589861:QLE589888 QBA589861:QBI589888 PRE589861:PRM589888 PHI589861:PHQ589888 OXM589861:OXU589888 ONQ589861:ONY589888 ODU589861:OEC589888 NTY589861:NUG589888 NKC589861:NKK589888 NAG589861:NAO589888 MQK589861:MQS589888 MGO589861:MGW589888 LWS589861:LXA589888 LMW589861:LNE589888 LDA589861:LDI589888 KTE589861:KTM589888 KJI589861:KJQ589888 JZM589861:JZU589888 JPQ589861:JPY589888 JFU589861:JGC589888 IVY589861:IWG589888 IMC589861:IMK589888 ICG589861:ICO589888 HSK589861:HSS589888 HIO589861:HIW589888 GYS589861:GZA589888 GOW589861:GPE589888 GFA589861:GFI589888 FVE589861:FVM589888 FLI589861:FLQ589888 FBM589861:FBU589888 ERQ589861:ERY589888 EHU589861:EIC589888 DXY589861:DYG589888 DOC589861:DOK589888 DEG589861:DEO589888 CUK589861:CUS589888 CKO589861:CKW589888 CAS589861:CBA589888 BQW589861:BRE589888 BHA589861:BHI589888 AXE589861:AXM589888 ANI589861:ANQ589888 ADM589861:ADU589888 TQ589861:TY589888 JU589861:KC589888 T655397:Z655424 WWG524325:WWO524352 WMK524325:WMS524352 WCO524325:WCW524352 VSS524325:VTA524352 VIW524325:VJE524352 UZA524325:UZI524352 UPE524325:UPM524352 UFI524325:UFQ524352 TVM524325:TVU524352 TLQ524325:TLY524352 TBU524325:TCC524352 SRY524325:SSG524352 SIC524325:SIK524352 RYG524325:RYO524352 ROK524325:ROS524352 REO524325:REW524352 QUS524325:QVA524352 QKW524325:QLE524352 QBA524325:QBI524352 PRE524325:PRM524352 PHI524325:PHQ524352 OXM524325:OXU524352 ONQ524325:ONY524352 ODU524325:OEC524352 NTY524325:NUG524352 NKC524325:NKK524352 NAG524325:NAO524352 MQK524325:MQS524352 MGO524325:MGW524352 LWS524325:LXA524352 LMW524325:LNE524352 LDA524325:LDI524352 KTE524325:KTM524352 KJI524325:KJQ524352 JZM524325:JZU524352 JPQ524325:JPY524352 JFU524325:JGC524352 IVY524325:IWG524352 IMC524325:IMK524352 ICG524325:ICO524352 HSK524325:HSS524352 HIO524325:HIW524352 GYS524325:GZA524352 GOW524325:GPE524352 GFA524325:GFI524352 FVE524325:FVM524352 FLI524325:FLQ524352 FBM524325:FBU524352 ERQ524325:ERY524352 EHU524325:EIC524352 DXY524325:DYG524352 DOC524325:DOK524352 DEG524325:DEO524352 CUK524325:CUS524352 CKO524325:CKW524352 CAS524325:CBA524352 BQW524325:BRE524352 BHA524325:BHI524352 AXE524325:AXM524352 ANI524325:ANQ524352 ADM524325:ADU524352 TQ524325:TY524352 JU524325:KC524352 T589861:Z589888 WWG458789:WWO458816 WMK458789:WMS458816 WCO458789:WCW458816 VSS458789:VTA458816 VIW458789:VJE458816 UZA458789:UZI458816 UPE458789:UPM458816 UFI458789:UFQ458816 TVM458789:TVU458816 TLQ458789:TLY458816 TBU458789:TCC458816 SRY458789:SSG458816 SIC458789:SIK458816 RYG458789:RYO458816 ROK458789:ROS458816 REO458789:REW458816 QUS458789:QVA458816 QKW458789:QLE458816 QBA458789:QBI458816 PRE458789:PRM458816 PHI458789:PHQ458816 OXM458789:OXU458816 ONQ458789:ONY458816 ODU458789:OEC458816 NTY458789:NUG458816 NKC458789:NKK458816 NAG458789:NAO458816 MQK458789:MQS458816 MGO458789:MGW458816 LWS458789:LXA458816 LMW458789:LNE458816 LDA458789:LDI458816 KTE458789:KTM458816 KJI458789:KJQ458816 JZM458789:JZU458816 JPQ458789:JPY458816 JFU458789:JGC458816 IVY458789:IWG458816 IMC458789:IMK458816 ICG458789:ICO458816 HSK458789:HSS458816 HIO458789:HIW458816 GYS458789:GZA458816 GOW458789:GPE458816 GFA458789:GFI458816 FVE458789:FVM458816 FLI458789:FLQ458816 FBM458789:FBU458816 ERQ458789:ERY458816 EHU458789:EIC458816 DXY458789:DYG458816 DOC458789:DOK458816 DEG458789:DEO458816 CUK458789:CUS458816 CKO458789:CKW458816 CAS458789:CBA458816 BQW458789:BRE458816 BHA458789:BHI458816 AXE458789:AXM458816 ANI458789:ANQ458816 ADM458789:ADU458816 TQ458789:TY458816 JU458789:KC458816 T524325:Z524352 WWG393253:WWO393280 WMK393253:WMS393280 WCO393253:WCW393280 VSS393253:VTA393280 VIW393253:VJE393280 UZA393253:UZI393280 UPE393253:UPM393280 UFI393253:UFQ393280 TVM393253:TVU393280 TLQ393253:TLY393280 TBU393253:TCC393280 SRY393253:SSG393280 SIC393253:SIK393280 RYG393253:RYO393280 ROK393253:ROS393280 REO393253:REW393280 QUS393253:QVA393280 QKW393253:QLE393280 QBA393253:QBI393280 PRE393253:PRM393280 PHI393253:PHQ393280 OXM393253:OXU393280 ONQ393253:ONY393280 ODU393253:OEC393280 NTY393253:NUG393280 NKC393253:NKK393280 NAG393253:NAO393280 MQK393253:MQS393280 MGO393253:MGW393280 LWS393253:LXA393280 LMW393253:LNE393280 LDA393253:LDI393280 KTE393253:KTM393280 KJI393253:KJQ393280 JZM393253:JZU393280 JPQ393253:JPY393280 JFU393253:JGC393280 IVY393253:IWG393280 IMC393253:IMK393280 ICG393253:ICO393280 HSK393253:HSS393280 HIO393253:HIW393280 GYS393253:GZA393280 GOW393253:GPE393280 GFA393253:GFI393280 FVE393253:FVM393280 FLI393253:FLQ393280 FBM393253:FBU393280 ERQ393253:ERY393280 EHU393253:EIC393280 DXY393253:DYG393280 DOC393253:DOK393280 DEG393253:DEO393280 CUK393253:CUS393280 CKO393253:CKW393280 CAS393253:CBA393280 BQW393253:BRE393280 BHA393253:BHI393280 AXE393253:AXM393280 ANI393253:ANQ393280 ADM393253:ADU393280 TQ393253:TY393280 JU393253:KC393280 T458789:Z458816 WWG327717:WWO327744 WMK327717:WMS327744 WCO327717:WCW327744 VSS327717:VTA327744 VIW327717:VJE327744 UZA327717:UZI327744 UPE327717:UPM327744 UFI327717:UFQ327744 TVM327717:TVU327744 TLQ327717:TLY327744 TBU327717:TCC327744 SRY327717:SSG327744 SIC327717:SIK327744 RYG327717:RYO327744 ROK327717:ROS327744 REO327717:REW327744 QUS327717:QVA327744 QKW327717:QLE327744 QBA327717:QBI327744 PRE327717:PRM327744 PHI327717:PHQ327744 OXM327717:OXU327744 ONQ327717:ONY327744 ODU327717:OEC327744 NTY327717:NUG327744 NKC327717:NKK327744 NAG327717:NAO327744 MQK327717:MQS327744 MGO327717:MGW327744 LWS327717:LXA327744 LMW327717:LNE327744 LDA327717:LDI327744 KTE327717:KTM327744 KJI327717:KJQ327744 JZM327717:JZU327744 JPQ327717:JPY327744 JFU327717:JGC327744 IVY327717:IWG327744 IMC327717:IMK327744 ICG327717:ICO327744 HSK327717:HSS327744 HIO327717:HIW327744 GYS327717:GZA327744 GOW327717:GPE327744 GFA327717:GFI327744 FVE327717:FVM327744 FLI327717:FLQ327744 FBM327717:FBU327744 ERQ327717:ERY327744 EHU327717:EIC327744 DXY327717:DYG327744 DOC327717:DOK327744 DEG327717:DEO327744 CUK327717:CUS327744 CKO327717:CKW327744 CAS327717:CBA327744 BQW327717:BRE327744 BHA327717:BHI327744 AXE327717:AXM327744 ANI327717:ANQ327744 ADM327717:ADU327744 TQ327717:TY327744 JU327717:KC327744 T393253:Z393280 WWG262181:WWO262208 WMK262181:WMS262208 WCO262181:WCW262208 VSS262181:VTA262208 VIW262181:VJE262208 UZA262181:UZI262208 UPE262181:UPM262208 UFI262181:UFQ262208 TVM262181:TVU262208 TLQ262181:TLY262208 TBU262181:TCC262208 SRY262181:SSG262208 SIC262181:SIK262208 RYG262181:RYO262208 ROK262181:ROS262208 REO262181:REW262208 QUS262181:QVA262208 QKW262181:QLE262208 QBA262181:QBI262208 PRE262181:PRM262208 PHI262181:PHQ262208 OXM262181:OXU262208 ONQ262181:ONY262208 ODU262181:OEC262208 NTY262181:NUG262208 NKC262181:NKK262208 NAG262181:NAO262208 MQK262181:MQS262208 MGO262181:MGW262208 LWS262181:LXA262208 LMW262181:LNE262208 LDA262181:LDI262208 KTE262181:KTM262208 KJI262181:KJQ262208 JZM262181:JZU262208 JPQ262181:JPY262208 JFU262181:JGC262208 IVY262181:IWG262208 IMC262181:IMK262208 ICG262181:ICO262208 HSK262181:HSS262208 HIO262181:HIW262208 GYS262181:GZA262208 GOW262181:GPE262208 GFA262181:GFI262208 FVE262181:FVM262208 FLI262181:FLQ262208 FBM262181:FBU262208 ERQ262181:ERY262208 EHU262181:EIC262208 DXY262181:DYG262208 DOC262181:DOK262208 DEG262181:DEO262208 CUK262181:CUS262208 CKO262181:CKW262208 CAS262181:CBA262208 BQW262181:BRE262208 BHA262181:BHI262208 AXE262181:AXM262208 ANI262181:ANQ262208 ADM262181:ADU262208 TQ262181:TY262208 JU262181:KC262208 T327717:Z327744 WWG196645:WWO196672 WMK196645:WMS196672 WCO196645:WCW196672 VSS196645:VTA196672 VIW196645:VJE196672 UZA196645:UZI196672 UPE196645:UPM196672 UFI196645:UFQ196672 TVM196645:TVU196672 TLQ196645:TLY196672 TBU196645:TCC196672 SRY196645:SSG196672 SIC196645:SIK196672 RYG196645:RYO196672 ROK196645:ROS196672 REO196645:REW196672 QUS196645:QVA196672 QKW196645:QLE196672 QBA196645:QBI196672 PRE196645:PRM196672 PHI196645:PHQ196672 OXM196645:OXU196672 ONQ196645:ONY196672 ODU196645:OEC196672 NTY196645:NUG196672 NKC196645:NKK196672 NAG196645:NAO196672 MQK196645:MQS196672 MGO196645:MGW196672 LWS196645:LXA196672 LMW196645:LNE196672 LDA196645:LDI196672 KTE196645:KTM196672 KJI196645:KJQ196672 JZM196645:JZU196672 JPQ196645:JPY196672 JFU196645:JGC196672 IVY196645:IWG196672 IMC196645:IMK196672 ICG196645:ICO196672 HSK196645:HSS196672 HIO196645:HIW196672 GYS196645:GZA196672 GOW196645:GPE196672 GFA196645:GFI196672 FVE196645:FVM196672 FLI196645:FLQ196672 FBM196645:FBU196672 ERQ196645:ERY196672 EHU196645:EIC196672 DXY196645:DYG196672 DOC196645:DOK196672 DEG196645:DEO196672 CUK196645:CUS196672 CKO196645:CKW196672 CAS196645:CBA196672 BQW196645:BRE196672 BHA196645:BHI196672 AXE196645:AXM196672 ANI196645:ANQ196672 ADM196645:ADU196672 TQ196645:TY196672 JU196645:KC196672 T262181:Z262208 WWG131109:WWO131136 WMK131109:WMS131136 WCO131109:WCW131136 VSS131109:VTA131136 VIW131109:VJE131136 UZA131109:UZI131136 UPE131109:UPM131136 UFI131109:UFQ131136 TVM131109:TVU131136 TLQ131109:TLY131136 TBU131109:TCC131136 SRY131109:SSG131136 SIC131109:SIK131136 RYG131109:RYO131136 ROK131109:ROS131136 REO131109:REW131136 QUS131109:QVA131136 QKW131109:QLE131136 QBA131109:QBI131136 PRE131109:PRM131136 PHI131109:PHQ131136 OXM131109:OXU131136 ONQ131109:ONY131136 ODU131109:OEC131136 NTY131109:NUG131136 NKC131109:NKK131136 NAG131109:NAO131136 MQK131109:MQS131136 MGO131109:MGW131136 LWS131109:LXA131136 LMW131109:LNE131136 LDA131109:LDI131136 KTE131109:KTM131136 KJI131109:KJQ131136 JZM131109:JZU131136 JPQ131109:JPY131136 JFU131109:JGC131136 IVY131109:IWG131136 IMC131109:IMK131136 ICG131109:ICO131136 HSK131109:HSS131136 HIO131109:HIW131136 GYS131109:GZA131136 GOW131109:GPE131136 GFA131109:GFI131136 FVE131109:FVM131136 FLI131109:FLQ131136 FBM131109:FBU131136 ERQ131109:ERY131136 EHU131109:EIC131136 DXY131109:DYG131136 DOC131109:DOK131136 DEG131109:DEO131136 CUK131109:CUS131136 CKO131109:CKW131136 CAS131109:CBA131136 BQW131109:BRE131136 BHA131109:BHI131136 AXE131109:AXM131136 ANI131109:ANQ131136 ADM131109:ADU131136 TQ131109:TY131136 JU131109:KC131136 T196645:Z196672 WWG65573:WWO65600 WMK65573:WMS65600 WCO65573:WCW65600 VSS65573:VTA65600 VIW65573:VJE65600 UZA65573:UZI65600 UPE65573:UPM65600 UFI65573:UFQ65600 TVM65573:TVU65600 TLQ65573:TLY65600 TBU65573:TCC65600 SRY65573:SSG65600 SIC65573:SIK65600 RYG65573:RYO65600 ROK65573:ROS65600 REO65573:REW65600 QUS65573:QVA65600 QKW65573:QLE65600 QBA65573:QBI65600 PRE65573:PRM65600 PHI65573:PHQ65600 OXM65573:OXU65600 ONQ65573:ONY65600 ODU65573:OEC65600 NTY65573:NUG65600 NKC65573:NKK65600 NAG65573:NAO65600 MQK65573:MQS65600 MGO65573:MGW65600 LWS65573:LXA65600 LMW65573:LNE65600 LDA65573:LDI65600 KTE65573:KTM65600 KJI65573:KJQ65600 JZM65573:JZU65600 JPQ65573:JPY65600 JFU65573:JGC65600 IVY65573:IWG65600 IMC65573:IMK65600 ICG65573:ICO65600 HSK65573:HSS65600 HIO65573:HIW65600 GYS65573:GZA65600 GOW65573:GPE65600 GFA65573:GFI65600 FVE65573:FVM65600 FLI65573:FLQ65600 FBM65573:FBU65600 ERQ65573:ERY65600 EHU65573:EIC65600 DXY65573:DYG65600 DOC65573:DOK65600 DEG65573:DEO65600 CUK65573:CUS65600 CKO65573:CKW65600 CAS65573:CBA65600 BQW65573:BRE65600 BHA65573:BHI65600 AXE65573:AXM65600 ANI65573:ANQ65600 ADM65573:ADU65600 TQ65573:TY65600 JU65573:KC65600 T131109:Z131136 WWG41:WWO68 WMK41:WMS68 WCO41:WCW68 VSS41:VTA68 VIW41:VJE68 UZA41:UZI68 UPE41:UPM68 UFI41:UFQ68 TVM41:TVU68 TLQ41:TLY68 TBU41:TCC68 SRY41:SSG68 SIC41:SIK68 RYG41:RYO68 ROK41:ROS68 REO41:REW68 QUS41:QVA68 QKW41:QLE68 QBA41:QBI68 PRE41:PRM68 PHI41:PHQ68 OXM41:OXU68 ONQ41:ONY68 ODU41:OEC68 NTY41:NUG68 NKC41:NKK68 NAG41:NAO68 MQK41:MQS68 MGO41:MGW68 LWS41:LXA68 LMW41:LNE68 LDA41:LDI68 KTE41:KTM68 KJI41:KJQ68 JZM41:JZU68 JPQ41:JPY68 JFU41:JGC68 IVY41:IWG68 IMC41:IMK68 ICG41:ICO68 HSK41:HSS68 HIO41:HIW68 GYS41:GZA68 GOW41:GPE68 GFA41:GFI68 FVE41:FVM68 FLI41:FLQ68 FBM41:FBU68 ERQ41:ERY68 EHU41:EIC68 DXY41:DYG68 DOC41:DOK68 DEG41:DEO68 CUK41:CUS68 CKO41:CKW68 CAS41:CBA68 BQW41:BRE68 BHA41:BHI68 AXE41:AXM68 ANI41:ANQ68 ADM41:ADU68 TQ41:TY68 JU41:KC68 T65573:Z65600 WWR983079:WWS983079 WMV983079:WMW983079 WCZ983079:WDA983079 VTD983079:VTE983079 VJH983079:VJI983079 UZL983079:UZM983079 UPP983079:UPQ983079 UFT983079:UFU983079 TVX983079:TVY983079 TMB983079:TMC983079 TCF983079:TCG983079 SSJ983079:SSK983079 SIN983079:SIO983079 RYR983079:RYS983079 ROV983079:ROW983079 REZ983079:RFA983079 QVD983079:QVE983079 QLH983079:QLI983079 QBL983079:QBM983079 PRP983079:PRQ983079 PHT983079:PHU983079 OXX983079:OXY983079 OOB983079:OOC983079 OEF983079:OEG983079 NUJ983079:NUK983079 NKN983079:NKO983079 NAR983079:NAS983079 MQV983079:MQW983079 MGZ983079:MHA983079 LXD983079:LXE983079 LNH983079:LNI983079 LDL983079:LDM983079 KTP983079:KTQ983079 KJT983079:KJU983079 JZX983079:JZY983079 JQB983079:JQC983079 JGF983079:JGG983079 IWJ983079:IWK983079 IMN983079:IMO983079 ICR983079:ICS983079 HSV983079:HSW983079 HIZ983079:HJA983079 GZD983079:GZE983079 GPH983079:GPI983079 GFL983079:GFM983079 FVP983079:FVQ983079 FLT983079:FLU983079 FBX983079:FBY983079 ESB983079:ESC983079 EIF983079:EIG983079 DYJ983079:DYK983079 DON983079:DOO983079 DER983079:DES983079 CUV983079:CUW983079 CKZ983079:CLA983079 CBD983079:CBE983079 BRH983079:BRI983079 BHL983079:BHM983079 AXP983079:AXQ983079 ANT983079:ANU983079 ADX983079:ADY983079 UB983079:UC983079 KF983079:KG983079 AD983079:AG983079 WWR917543:WWS917543 WMV917543:WMW917543 WCZ917543:WDA917543 VTD917543:VTE917543 VJH917543:VJI917543 UZL917543:UZM917543 UPP917543:UPQ917543 UFT917543:UFU917543 TVX917543:TVY917543 TMB917543:TMC917543 TCF917543:TCG917543 SSJ917543:SSK917543 SIN917543:SIO917543 RYR917543:RYS917543 ROV917543:ROW917543 REZ917543:RFA917543 QVD917543:QVE917543 QLH917543:QLI917543 QBL917543:QBM917543 PRP917543:PRQ917543 PHT917543:PHU917543 OXX917543:OXY917543 OOB917543:OOC917543 OEF917543:OEG917543 NUJ917543:NUK917543 NKN917543:NKO917543 NAR917543:NAS917543 MQV917543:MQW917543 MGZ917543:MHA917543 LXD917543:LXE917543 LNH917543:LNI917543 LDL917543:LDM917543 KTP917543:KTQ917543 KJT917543:KJU917543 JZX917543:JZY917543 JQB917543:JQC917543 JGF917543:JGG917543 IWJ917543:IWK917543 IMN917543:IMO917543 ICR917543:ICS917543 HSV917543:HSW917543 HIZ917543:HJA917543 GZD917543:GZE917543 GPH917543:GPI917543 GFL917543:GFM917543 FVP917543:FVQ917543 FLT917543:FLU917543 FBX917543:FBY917543 ESB917543:ESC917543 EIF917543:EIG917543 DYJ917543:DYK917543 DON917543:DOO917543 DER917543:DES917543 CUV917543:CUW917543 CKZ917543:CLA917543 CBD917543:CBE917543 BRH917543:BRI917543 BHL917543:BHM917543 AXP917543:AXQ917543 ANT917543:ANU917543 ADX917543:ADY917543 UB917543:UC917543 KF917543:KG917543 AD917543:AG917543 WWR852007:WWS852007 WMV852007:WMW852007 WCZ852007:WDA852007 VTD852007:VTE852007 VJH852007:VJI852007 UZL852007:UZM852007 UPP852007:UPQ852007 UFT852007:UFU852007 TVX852007:TVY852007 TMB852007:TMC852007 TCF852007:TCG852007 SSJ852007:SSK852007 SIN852007:SIO852007 RYR852007:RYS852007 ROV852007:ROW852007 REZ852007:RFA852007 QVD852007:QVE852007 QLH852007:QLI852007 QBL852007:QBM852007 PRP852007:PRQ852007 PHT852007:PHU852007 OXX852007:OXY852007 OOB852007:OOC852007 OEF852007:OEG852007 NUJ852007:NUK852007 NKN852007:NKO852007 NAR852007:NAS852007 MQV852007:MQW852007 MGZ852007:MHA852007 LXD852007:LXE852007 LNH852007:LNI852007 LDL852007:LDM852007 KTP852007:KTQ852007 KJT852007:KJU852007 JZX852007:JZY852007 JQB852007:JQC852007 JGF852007:JGG852007 IWJ852007:IWK852007 IMN852007:IMO852007 ICR852007:ICS852007 HSV852007:HSW852007 HIZ852007:HJA852007 GZD852007:GZE852007 GPH852007:GPI852007 GFL852007:GFM852007 FVP852007:FVQ852007 FLT852007:FLU852007 FBX852007:FBY852007 ESB852007:ESC852007 EIF852007:EIG852007 DYJ852007:DYK852007 DON852007:DOO852007 DER852007:DES852007 CUV852007:CUW852007 CKZ852007:CLA852007 CBD852007:CBE852007 BRH852007:BRI852007 BHL852007:BHM852007 AXP852007:AXQ852007 ANT852007:ANU852007 ADX852007:ADY852007 UB852007:UC852007 KF852007:KG852007 AD852007:AG852007 WWR786471:WWS786471 WMV786471:WMW786471 WCZ786471:WDA786471 VTD786471:VTE786471 VJH786471:VJI786471 UZL786471:UZM786471 UPP786471:UPQ786471 UFT786471:UFU786471 TVX786471:TVY786471 TMB786471:TMC786471 TCF786471:TCG786471 SSJ786471:SSK786471 SIN786471:SIO786471 RYR786471:RYS786471 ROV786471:ROW786471 REZ786471:RFA786471 QVD786471:QVE786471 QLH786471:QLI786471 QBL786471:QBM786471 PRP786471:PRQ786471 PHT786471:PHU786471 OXX786471:OXY786471 OOB786471:OOC786471 OEF786471:OEG786471 NUJ786471:NUK786471 NKN786471:NKO786471 NAR786471:NAS786471 MQV786471:MQW786471 MGZ786471:MHA786471 LXD786471:LXE786471 LNH786471:LNI786471 LDL786471:LDM786471 KTP786471:KTQ786471 KJT786471:KJU786471 JZX786471:JZY786471 JQB786471:JQC786471 JGF786471:JGG786471 IWJ786471:IWK786471 IMN786471:IMO786471 ICR786471:ICS786471 HSV786471:HSW786471 HIZ786471:HJA786471 GZD786471:GZE786471 GPH786471:GPI786471 GFL786471:GFM786471 FVP786471:FVQ786471 FLT786471:FLU786471 FBX786471:FBY786471 ESB786471:ESC786471 EIF786471:EIG786471 DYJ786471:DYK786471 DON786471:DOO786471 DER786471:DES786471 CUV786471:CUW786471 CKZ786471:CLA786471 CBD786471:CBE786471 BRH786471:BRI786471 BHL786471:BHM786471 AXP786471:AXQ786471 ANT786471:ANU786471 ADX786471:ADY786471 UB786471:UC786471 KF786471:KG786471 AD786471:AG786471 WWR720935:WWS720935 WMV720935:WMW720935 WCZ720935:WDA720935 VTD720935:VTE720935 VJH720935:VJI720935 UZL720935:UZM720935 UPP720935:UPQ720935 UFT720935:UFU720935 TVX720935:TVY720935 TMB720935:TMC720935 TCF720935:TCG720935 SSJ720935:SSK720935 SIN720935:SIO720935 RYR720935:RYS720935 ROV720935:ROW720935 REZ720935:RFA720935 QVD720935:QVE720935 QLH720935:QLI720935 QBL720935:QBM720935 PRP720935:PRQ720935 PHT720935:PHU720935 OXX720935:OXY720935 OOB720935:OOC720935 OEF720935:OEG720935 NUJ720935:NUK720935 NKN720935:NKO720935 NAR720935:NAS720935 MQV720935:MQW720935 MGZ720935:MHA720935 LXD720935:LXE720935 LNH720935:LNI720935 LDL720935:LDM720935 KTP720935:KTQ720935 KJT720935:KJU720935 JZX720935:JZY720935 JQB720935:JQC720935 JGF720935:JGG720935 IWJ720935:IWK720935 IMN720935:IMO720935 ICR720935:ICS720935 HSV720935:HSW720935 HIZ720935:HJA720935 GZD720935:GZE720935 GPH720935:GPI720935 GFL720935:GFM720935 FVP720935:FVQ720935 FLT720935:FLU720935 FBX720935:FBY720935 ESB720935:ESC720935 EIF720935:EIG720935 DYJ720935:DYK720935 DON720935:DOO720935 DER720935:DES720935 CUV720935:CUW720935 CKZ720935:CLA720935 CBD720935:CBE720935 BRH720935:BRI720935 BHL720935:BHM720935 AXP720935:AXQ720935 ANT720935:ANU720935 ADX720935:ADY720935 UB720935:UC720935 KF720935:KG720935 AD720935:AG720935 WWR655399:WWS655399 WMV655399:WMW655399 WCZ655399:WDA655399 VTD655399:VTE655399 VJH655399:VJI655399 UZL655399:UZM655399 UPP655399:UPQ655399 UFT655399:UFU655399 TVX655399:TVY655399 TMB655399:TMC655399 TCF655399:TCG655399 SSJ655399:SSK655399 SIN655399:SIO655399 RYR655399:RYS655399 ROV655399:ROW655399 REZ655399:RFA655399 QVD655399:QVE655399 QLH655399:QLI655399 QBL655399:QBM655399 PRP655399:PRQ655399 PHT655399:PHU655399 OXX655399:OXY655399 OOB655399:OOC655399 OEF655399:OEG655399 NUJ655399:NUK655399 NKN655399:NKO655399 NAR655399:NAS655399 MQV655399:MQW655399 MGZ655399:MHA655399 LXD655399:LXE655399 LNH655399:LNI655399 LDL655399:LDM655399 KTP655399:KTQ655399 KJT655399:KJU655399 JZX655399:JZY655399 JQB655399:JQC655399 JGF655399:JGG655399 IWJ655399:IWK655399 IMN655399:IMO655399 ICR655399:ICS655399 HSV655399:HSW655399 HIZ655399:HJA655399 GZD655399:GZE655399 GPH655399:GPI655399 GFL655399:GFM655399 FVP655399:FVQ655399 FLT655399:FLU655399 FBX655399:FBY655399 ESB655399:ESC655399 EIF655399:EIG655399 DYJ655399:DYK655399 DON655399:DOO655399 DER655399:DES655399 CUV655399:CUW655399 CKZ655399:CLA655399 CBD655399:CBE655399 BRH655399:BRI655399 BHL655399:BHM655399 AXP655399:AXQ655399 ANT655399:ANU655399 ADX655399:ADY655399 UB655399:UC655399 KF655399:KG655399 AD655399:AG655399 WWR589863:WWS589863 WMV589863:WMW589863 WCZ589863:WDA589863 VTD589863:VTE589863 VJH589863:VJI589863 UZL589863:UZM589863 UPP589863:UPQ589863 UFT589863:UFU589863 TVX589863:TVY589863 TMB589863:TMC589863 TCF589863:TCG589863 SSJ589863:SSK589863 SIN589863:SIO589863 RYR589863:RYS589863 ROV589863:ROW589863 REZ589863:RFA589863 QVD589863:QVE589863 QLH589863:QLI589863 QBL589863:QBM589863 PRP589863:PRQ589863 PHT589863:PHU589863 OXX589863:OXY589863 OOB589863:OOC589863 OEF589863:OEG589863 NUJ589863:NUK589863 NKN589863:NKO589863 NAR589863:NAS589863 MQV589863:MQW589863 MGZ589863:MHA589863 LXD589863:LXE589863 LNH589863:LNI589863 LDL589863:LDM589863 KTP589863:KTQ589863 KJT589863:KJU589863 JZX589863:JZY589863 JQB589863:JQC589863 JGF589863:JGG589863 IWJ589863:IWK589863 IMN589863:IMO589863 ICR589863:ICS589863 HSV589863:HSW589863 HIZ589863:HJA589863 GZD589863:GZE589863 GPH589863:GPI589863 GFL589863:GFM589863 FVP589863:FVQ589863 FLT589863:FLU589863 FBX589863:FBY589863 ESB589863:ESC589863 EIF589863:EIG589863 DYJ589863:DYK589863 DON589863:DOO589863 DER589863:DES589863 CUV589863:CUW589863 CKZ589863:CLA589863 CBD589863:CBE589863 BRH589863:BRI589863 BHL589863:BHM589863 AXP589863:AXQ589863 ANT589863:ANU589863 ADX589863:ADY589863 UB589863:UC589863 KF589863:KG589863 AD589863:AG589863 WWR524327:WWS524327 WMV524327:WMW524327 WCZ524327:WDA524327 VTD524327:VTE524327 VJH524327:VJI524327 UZL524327:UZM524327 UPP524327:UPQ524327 UFT524327:UFU524327 TVX524327:TVY524327 TMB524327:TMC524327 TCF524327:TCG524327 SSJ524327:SSK524327 SIN524327:SIO524327 RYR524327:RYS524327 ROV524327:ROW524327 REZ524327:RFA524327 QVD524327:QVE524327 QLH524327:QLI524327 QBL524327:QBM524327 PRP524327:PRQ524327 PHT524327:PHU524327 OXX524327:OXY524327 OOB524327:OOC524327 OEF524327:OEG524327 NUJ524327:NUK524327 NKN524327:NKO524327 NAR524327:NAS524327 MQV524327:MQW524327 MGZ524327:MHA524327 LXD524327:LXE524327 LNH524327:LNI524327 LDL524327:LDM524327 KTP524327:KTQ524327 KJT524327:KJU524327 JZX524327:JZY524327 JQB524327:JQC524327 JGF524327:JGG524327 IWJ524327:IWK524327 IMN524327:IMO524327 ICR524327:ICS524327 HSV524327:HSW524327 HIZ524327:HJA524327 GZD524327:GZE524327 GPH524327:GPI524327 GFL524327:GFM524327 FVP524327:FVQ524327 FLT524327:FLU524327 FBX524327:FBY524327 ESB524327:ESC524327 EIF524327:EIG524327 DYJ524327:DYK524327 DON524327:DOO524327 DER524327:DES524327 CUV524327:CUW524327 CKZ524327:CLA524327 CBD524327:CBE524327 BRH524327:BRI524327 BHL524327:BHM524327 AXP524327:AXQ524327 ANT524327:ANU524327 ADX524327:ADY524327 UB524327:UC524327 KF524327:KG524327 AD524327:AG524327 WWR458791:WWS458791 WMV458791:WMW458791 WCZ458791:WDA458791 VTD458791:VTE458791 VJH458791:VJI458791 UZL458791:UZM458791 UPP458791:UPQ458791 UFT458791:UFU458791 TVX458791:TVY458791 TMB458791:TMC458791 TCF458791:TCG458791 SSJ458791:SSK458791 SIN458791:SIO458791 RYR458791:RYS458791 ROV458791:ROW458791 REZ458791:RFA458791 QVD458791:QVE458791 QLH458791:QLI458791 QBL458791:QBM458791 PRP458791:PRQ458791 PHT458791:PHU458791 OXX458791:OXY458791 OOB458791:OOC458791 OEF458791:OEG458791 NUJ458791:NUK458791 NKN458791:NKO458791 NAR458791:NAS458791 MQV458791:MQW458791 MGZ458791:MHA458791 LXD458791:LXE458791 LNH458791:LNI458791 LDL458791:LDM458791 KTP458791:KTQ458791 KJT458791:KJU458791 JZX458791:JZY458791 JQB458791:JQC458791 JGF458791:JGG458791 IWJ458791:IWK458791 IMN458791:IMO458791 ICR458791:ICS458791 HSV458791:HSW458791 HIZ458791:HJA458791 GZD458791:GZE458791 GPH458791:GPI458791 GFL458791:GFM458791 FVP458791:FVQ458791 FLT458791:FLU458791 FBX458791:FBY458791 ESB458791:ESC458791 EIF458791:EIG458791 DYJ458791:DYK458791 DON458791:DOO458791 DER458791:DES458791 CUV458791:CUW458791 CKZ458791:CLA458791 CBD458791:CBE458791 BRH458791:BRI458791 BHL458791:BHM458791 AXP458791:AXQ458791 ANT458791:ANU458791 ADX458791:ADY458791 UB458791:UC458791 KF458791:KG458791 AD458791:AG458791 WWR393255:WWS393255 WMV393255:WMW393255 WCZ393255:WDA393255 VTD393255:VTE393255 VJH393255:VJI393255 UZL393255:UZM393255 UPP393255:UPQ393255 UFT393255:UFU393255 TVX393255:TVY393255 TMB393255:TMC393255 TCF393255:TCG393255 SSJ393255:SSK393255 SIN393255:SIO393255 RYR393255:RYS393255 ROV393255:ROW393255 REZ393255:RFA393255 QVD393255:QVE393255 QLH393255:QLI393255 QBL393255:QBM393255 PRP393255:PRQ393255 PHT393255:PHU393255 OXX393255:OXY393255 OOB393255:OOC393255 OEF393255:OEG393255 NUJ393255:NUK393255 NKN393255:NKO393255 NAR393255:NAS393255 MQV393255:MQW393255 MGZ393255:MHA393255 LXD393255:LXE393255 LNH393255:LNI393255 LDL393255:LDM393255 KTP393255:KTQ393255 KJT393255:KJU393255 JZX393255:JZY393255 JQB393255:JQC393255 JGF393255:JGG393255 IWJ393255:IWK393255 IMN393255:IMO393255 ICR393255:ICS393255 HSV393255:HSW393255 HIZ393255:HJA393255 GZD393255:GZE393255 GPH393255:GPI393255 GFL393255:GFM393255 FVP393255:FVQ393255 FLT393255:FLU393255 FBX393255:FBY393255 ESB393255:ESC393255 EIF393255:EIG393255 DYJ393255:DYK393255 DON393255:DOO393255 DER393255:DES393255 CUV393255:CUW393255 CKZ393255:CLA393255 CBD393255:CBE393255 BRH393255:BRI393255 BHL393255:BHM393255 AXP393255:AXQ393255 ANT393255:ANU393255 ADX393255:ADY393255 UB393255:UC393255 KF393255:KG393255 AD393255:AG393255 WWR327719:WWS327719 WMV327719:WMW327719 WCZ327719:WDA327719 VTD327719:VTE327719 VJH327719:VJI327719 UZL327719:UZM327719 UPP327719:UPQ327719 UFT327719:UFU327719 TVX327719:TVY327719 TMB327719:TMC327719 TCF327719:TCG327719 SSJ327719:SSK327719 SIN327719:SIO327719 RYR327719:RYS327719 ROV327719:ROW327719 REZ327719:RFA327719 QVD327719:QVE327719 QLH327719:QLI327719 QBL327719:QBM327719 PRP327719:PRQ327719 PHT327719:PHU327719 OXX327719:OXY327719 OOB327719:OOC327719 OEF327719:OEG327719 NUJ327719:NUK327719 NKN327719:NKO327719 NAR327719:NAS327719 MQV327719:MQW327719 MGZ327719:MHA327719 LXD327719:LXE327719 LNH327719:LNI327719 LDL327719:LDM327719 KTP327719:KTQ327719 KJT327719:KJU327719 JZX327719:JZY327719 JQB327719:JQC327719 JGF327719:JGG327719 IWJ327719:IWK327719 IMN327719:IMO327719 ICR327719:ICS327719 HSV327719:HSW327719 HIZ327719:HJA327719 GZD327719:GZE327719 GPH327719:GPI327719 GFL327719:GFM327719 FVP327719:FVQ327719 FLT327719:FLU327719 FBX327719:FBY327719 ESB327719:ESC327719 EIF327719:EIG327719 DYJ327719:DYK327719 DON327719:DOO327719 DER327719:DES327719 CUV327719:CUW327719 CKZ327719:CLA327719 CBD327719:CBE327719 BRH327719:BRI327719 BHL327719:BHM327719 AXP327719:AXQ327719 ANT327719:ANU327719 ADX327719:ADY327719 UB327719:UC327719 KF327719:KG327719 AD327719:AG327719 WWR262183:WWS262183 WMV262183:WMW262183 WCZ262183:WDA262183 VTD262183:VTE262183 VJH262183:VJI262183 UZL262183:UZM262183 UPP262183:UPQ262183 UFT262183:UFU262183 TVX262183:TVY262183 TMB262183:TMC262183 TCF262183:TCG262183 SSJ262183:SSK262183 SIN262183:SIO262183 RYR262183:RYS262183 ROV262183:ROW262183 REZ262183:RFA262183 QVD262183:QVE262183 QLH262183:QLI262183 QBL262183:QBM262183 PRP262183:PRQ262183 PHT262183:PHU262183 OXX262183:OXY262183 OOB262183:OOC262183 OEF262183:OEG262183 NUJ262183:NUK262183 NKN262183:NKO262183 NAR262183:NAS262183 MQV262183:MQW262183 MGZ262183:MHA262183 LXD262183:LXE262183 LNH262183:LNI262183 LDL262183:LDM262183 KTP262183:KTQ262183 KJT262183:KJU262183 JZX262183:JZY262183 JQB262183:JQC262183 JGF262183:JGG262183 IWJ262183:IWK262183 IMN262183:IMO262183 ICR262183:ICS262183 HSV262183:HSW262183 HIZ262183:HJA262183 GZD262183:GZE262183 GPH262183:GPI262183 GFL262183:GFM262183 FVP262183:FVQ262183 FLT262183:FLU262183 FBX262183:FBY262183 ESB262183:ESC262183 EIF262183:EIG262183 DYJ262183:DYK262183 DON262183:DOO262183 DER262183:DES262183 CUV262183:CUW262183 CKZ262183:CLA262183 CBD262183:CBE262183 BRH262183:BRI262183 BHL262183:BHM262183 AXP262183:AXQ262183 ANT262183:ANU262183 ADX262183:ADY262183 UB262183:UC262183 KF262183:KG262183 AD262183:AG262183 WWR196647:WWS196647 WMV196647:WMW196647 WCZ196647:WDA196647 VTD196647:VTE196647 VJH196647:VJI196647 UZL196647:UZM196647 UPP196647:UPQ196647 UFT196647:UFU196647 TVX196647:TVY196647 TMB196647:TMC196647 TCF196647:TCG196647 SSJ196647:SSK196647 SIN196647:SIO196647 RYR196647:RYS196647 ROV196647:ROW196647 REZ196647:RFA196647 QVD196647:QVE196647 QLH196647:QLI196647 QBL196647:QBM196647 PRP196647:PRQ196647 PHT196647:PHU196647 OXX196647:OXY196647 OOB196647:OOC196647 OEF196647:OEG196647 NUJ196647:NUK196647 NKN196647:NKO196647 NAR196647:NAS196647 MQV196647:MQW196647 MGZ196647:MHA196647 LXD196647:LXE196647 LNH196647:LNI196647 LDL196647:LDM196647 KTP196647:KTQ196647 KJT196647:KJU196647 JZX196647:JZY196647 JQB196647:JQC196647 JGF196647:JGG196647 IWJ196647:IWK196647 IMN196647:IMO196647 ICR196647:ICS196647 HSV196647:HSW196647 HIZ196647:HJA196647 GZD196647:GZE196647 GPH196647:GPI196647 GFL196647:GFM196647 FVP196647:FVQ196647 FLT196647:FLU196647 FBX196647:FBY196647 ESB196647:ESC196647 EIF196647:EIG196647 DYJ196647:DYK196647 DON196647:DOO196647 DER196647:DES196647 CUV196647:CUW196647 CKZ196647:CLA196647 CBD196647:CBE196647 BRH196647:BRI196647 BHL196647:BHM196647 AXP196647:AXQ196647 ANT196647:ANU196647 ADX196647:ADY196647 UB196647:UC196647 KF196647:KG196647 AD196647:AG196647 WWR131111:WWS131111 WMV131111:WMW131111 WCZ131111:WDA131111 VTD131111:VTE131111 VJH131111:VJI131111 UZL131111:UZM131111 UPP131111:UPQ131111 UFT131111:UFU131111 TVX131111:TVY131111 TMB131111:TMC131111 TCF131111:TCG131111 SSJ131111:SSK131111 SIN131111:SIO131111 RYR131111:RYS131111 ROV131111:ROW131111 REZ131111:RFA131111 QVD131111:QVE131111 QLH131111:QLI131111 QBL131111:QBM131111 PRP131111:PRQ131111 PHT131111:PHU131111 OXX131111:OXY131111 OOB131111:OOC131111 OEF131111:OEG131111 NUJ131111:NUK131111 NKN131111:NKO131111 NAR131111:NAS131111 MQV131111:MQW131111 MGZ131111:MHA131111 LXD131111:LXE131111 LNH131111:LNI131111 LDL131111:LDM131111 KTP131111:KTQ131111 KJT131111:KJU131111 JZX131111:JZY131111 JQB131111:JQC131111 JGF131111:JGG131111 IWJ131111:IWK131111 IMN131111:IMO131111 ICR131111:ICS131111 HSV131111:HSW131111 HIZ131111:HJA131111 GZD131111:GZE131111 GPH131111:GPI131111 GFL131111:GFM131111 FVP131111:FVQ131111 FLT131111:FLU131111 FBX131111:FBY131111 ESB131111:ESC131111 EIF131111:EIG131111 DYJ131111:DYK131111 DON131111:DOO131111 DER131111:DES131111 CUV131111:CUW131111 CKZ131111:CLA131111 CBD131111:CBE131111 BRH131111:BRI131111 BHL131111:BHM131111 AXP131111:AXQ131111 ANT131111:ANU131111 ADX131111:ADY131111 UB131111:UC131111 KF131111:KG131111 AD131111:AG131111 WWR65575:WWS65575 WMV65575:WMW65575 WCZ65575:WDA65575 VTD65575:VTE65575 VJH65575:VJI65575 UZL65575:UZM65575 UPP65575:UPQ65575 UFT65575:UFU65575 TVX65575:TVY65575 TMB65575:TMC65575 TCF65575:TCG65575 SSJ65575:SSK65575 SIN65575:SIO65575 RYR65575:RYS65575 ROV65575:ROW65575 REZ65575:RFA65575 QVD65575:QVE65575 QLH65575:QLI65575 QBL65575:QBM65575 PRP65575:PRQ65575 PHT65575:PHU65575 OXX65575:OXY65575 OOB65575:OOC65575 OEF65575:OEG65575 NUJ65575:NUK65575 NKN65575:NKO65575 NAR65575:NAS65575 MQV65575:MQW65575 MGZ65575:MHA65575 LXD65575:LXE65575 LNH65575:LNI65575 LDL65575:LDM65575 KTP65575:KTQ65575 KJT65575:KJU65575 JZX65575:JZY65575 JQB65575:JQC65575 JGF65575:JGG65575 IWJ65575:IWK65575 IMN65575:IMO65575 ICR65575:ICS65575 HSV65575:HSW65575 HIZ65575:HJA65575 GZD65575:GZE65575 GPH65575:GPI65575 GFL65575:GFM65575 FVP65575:FVQ65575 FLT65575:FLU65575 FBX65575:FBY65575 ESB65575:ESC65575 EIF65575:EIG65575 DYJ65575:DYK65575 DON65575:DOO65575 DER65575:DES65575 CUV65575:CUW65575 CKZ65575:CLA65575 CBD65575:CBE65575 BRH65575:BRI65575 BHL65575:BHM65575 AXP65575:AXQ65575 ANT65575:ANU65575 ADX65575:ADY65575 UB65575:UC65575 KF65575:KG65575 AD65575:AG65575 WWR43:WWS43 WMV43:WMW43 WCZ43:WDA43 VTD43:VTE43 VJH43:VJI43 UZL43:UZM43 UPP43:UPQ43 UFT43:UFU43 TVX43:TVY43 TMB43:TMC43 TCF43:TCG43 SSJ43:SSK43 SIN43:SIO43 RYR43:RYS43 ROV43:ROW43 REZ43:RFA43 QVD43:QVE43 QLH43:QLI43 QBL43:QBM43 PRP43:PRQ43 PHT43:PHU43 OXX43:OXY43 OOB43:OOC43 OEF43:OEG43 NUJ43:NUK43 NKN43:NKO43 NAR43:NAS43 MQV43:MQW43 MGZ43:MHA43 LXD43:LXE43 LNH43:LNI43 LDL43:LDM43 KTP43:KTQ43 KJT43:KJU43 JZX43:JZY43 JQB43:JQC43 JGF43:JGG43 IWJ43:IWK43 IMN43:IMO43 ICR43:ICS43 HSV43:HSW43 HIZ43:HJA43 GZD43:GZE43 GPH43:GPI43 GFL43:GFM43 FVP43:FVQ43 FLT43:FLU43 FBX43:FBY43 ESB43:ESC43 EIF43:EIG43 DYJ43:DYK43 DON43:DOO43 DER43:DES43 CUV43:CUW43 CKZ43:CLA43 CBD43:CBE43 BRH43:BRI43 BHL43:BHM43 AXP43:AXQ43 ANT43:ANU43 ADX43:ADY43 UB43:UC43</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19</vt:lpstr>
      <vt:lpstr>'5-19'!し</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3-03-13T01:55:56Z</dcterms:created>
  <dcterms:modified xsi:type="dcterms:W3CDTF">2023-03-13T01:56:04Z</dcterms:modified>
</cp:coreProperties>
</file>